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425"/>
  <workbookPr/>
  <mc:AlternateContent xmlns:mc="http://schemas.openxmlformats.org/markup-compatibility/2006">
    <mc:Choice Requires="x15">
      <x15ac:absPath xmlns:x15ac="http://schemas.microsoft.com/office/spreadsheetml/2010/11/ac" url="\\smd1fs01\s165\S165経営支援部\新事部-R1連携事業支援☆\C2 03販路開拓支援\C2 01 パートナー事業\C2 03 パートナー企画\C2 令和6年度\03-08_高島屋ローズキッチン商品募集　 　　　（動画済・資料回収済）\01_エントリー\"/>
    </mc:Choice>
  </mc:AlternateContent>
  <xr:revisionPtr revIDLastSave="0" documentId="13_ncr:1_{4119B9B7-2CC9-4077-9610-893E64ABB88F}" xr6:coauthVersionLast="47" xr6:coauthVersionMax="47" xr10:uidLastSave="{00000000-0000-0000-0000-000000000000}"/>
  <bookViews>
    <workbookView xWindow="-120" yWindow="-16320" windowWidth="29040" windowHeight="15840" xr2:uid="{00000000-000D-0000-FFFF-FFFF00000000}"/>
  </bookViews>
  <sheets>
    <sheet name="商品提案シート" sheetId="4" r:id="rId1"/>
    <sheet name="リスト" sheetId="3" state="hidden" r:id="rId2"/>
  </sheets>
  <definedNames>
    <definedName name="サービス業・他に分類されないもの">リスト!$V$4:$V$12</definedName>
    <definedName name="医療・福祉">リスト!$T$4:$T$6</definedName>
    <definedName name="運輸業・郵便業">リスト!$L$4:$L$11</definedName>
    <definedName name="卸売業・小売業">リスト!$M$4:$M$15</definedName>
    <definedName name="学術研究・専門・技術サービス業">リスト!$P$4:$P$7</definedName>
    <definedName name="漁業">リスト!$F$4:$F$5</definedName>
    <definedName name="教育・学習支援業">リスト!$S$4:$S$5</definedName>
    <definedName name="金融業・保険業">リスト!$N$4:$N$9</definedName>
    <definedName name="建設業">リスト!$H$4:$H$6</definedName>
    <definedName name="公務・他に分類されるものを除く">リスト!$W$4:$W$5</definedName>
    <definedName name="鉱業・採石業・砂利採取業">リスト!$G$4</definedName>
    <definedName name="宿泊業・飲食サービス業">リスト!$Q$4:$Q$6</definedName>
    <definedName name="情報通信業">リスト!$K$4:$K$8</definedName>
    <definedName name="生活関連サービス業・娯楽業">リスト!$R$4:$R$6</definedName>
    <definedName name="製造業">リスト!$I$4:$I$27</definedName>
    <definedName name="電気・ガス・熱供給・水道業">リスト!$J$4:$J$7</definedName>
    <definedName name="農業・林業">リスト!$E$4:$E$5</definedName>
    <definedName name="不動産業・物品賃貸業">リスト!$O$4:$O$6</definedName>
    <definedName name="複合サービス事業">リスト!$U$4:$U$5</definedName>
    <definedName name="分類不能の産業">リスト!$X$4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10" i="4" l="1"/>
  <c r="K9" i="4"/>
  <c r="K8" i="4"/>
  <c r="K7" i="4"/>
  <c r="K6" i="4"/>
  <c r="K5" i="4"/>
  <c r="K4" i="4"/>
</calcChain>
</file>

<file path=xl/sharedStrings.xml><?xml version="1.0" encoding="utf-8"?>
<sst xmlns="http://schemas.openxmlformats.org/spreadsheetml/2006/main" count="177" uniqueCount="172">
  <si>
    <t>✓</t>
    <phoneticPr fontId="2"/>
  </si>
  <si>
    <t>漁業</t>
  </si>
  <si>
    <t>鉱業，採石業，砂利採取業</t>
  </si>
  <si>
    <t>建設業</t>
  </si>
  <si>
    <t>製造業</t>
  </si>
  <si>
    <t>電気・ガス・熱供給・水道業</t>
  </si>
  <si>
    <t>情報通信業</t>
  </si>
  <si>
    <t>運輸業，郵便業</t>
  </si>
  <si>
    <t>卸売業・小売業</t>
  </si>
  <si>
    <t>金融業・保険業</t>
  </si>
  <si>
    <t>不動産業，物品賃貸業</t>
  </si>
  <si>
    <t>学術研究，専門・技術サービス業</t>
  </si>
  <si>
    <t>宿泊業，飲食サービス業</t>
  </si>
  <si>
    <t>教育，学習支援業</t>
  </si>
  <si>
    <t>医療，福祉</t>
  </si>
  <si>
    <t>複合サービス事業</t>
  </si>
  <si>
    <t>サービス業（他に分類されないもの）</t>
  </si>
  <si>
    <t>公務（他に分類されるものを除く）</t>
  </si>
  <si>
    <t>分類不能の産業</t>
  </si>
  <si>
    <t>農業</t>
  </si>
  <si>
    <t>林業</t>
  </si>
  <si>
    <t>漁業（水産養殖業を除く）</t>
  </si>
  <si>
    <t>水産養殖業</t>
  </si>
  <si>
    <t>総合工事業</t>
  </si>
  <si>
    <t>職別工事業(設備工事業を除く)</t>
  </si>
  <si>
    <t>設備工事業</t>
  </si>
  <si>
    <t>食料品製造業</t>
  </si>
  <si>
    <t>飲料・たばこ・飼料製造業</t>
  </si>
  <si>
    <t>繊維工業</t>
  </si>
  <si>
    <t>木材・木製品製造業（家具を除く）</t>
  </si>
  <si>
    <t>家具・装備品製造業</t>
  </si>
  <si>
    <t>パルプ・紙・紙加工品製造業</t>
  </si>
  <si>
    <t>印刷・同関連業</t>
  </si>
  <si>
    <t>化学工業</t>
  </si>
  <si>
    <t>石油製品・石炭製品製造業</t>
  </si>
  <si>
    <t>プラスチック製品製造業（別掲を除く）</t>
  </si>
  <si>
    <t>ゴム製品製造業</t>
  </si>
  <si>
    <t>なめし革・同製品・毛皮製造業</t>
  </si>
  <si>
    <t>窯業・土石製品製造業</t>
  </si>
  <si>
    <t>鉄鋼業</t>
  </si>
  <si>
    <t>非鉄金属製造業</t>
  </si>
  <si>
    <t>金属製品製造業</t>
  </si>
  <si>
    <t>はん用機械器具製造業</t>
  </si>
  <si>
    <t>生産用機械器具製造業</t>
  </si>
  <si>
    <t>業務用機械器具製造業</t>
  </si>
  <si>
    <t>電子部品・デバイス・電子回路製造業</t>
  </si>
  <si>
    <t>電気機械器具製造業</t>
  </si>
  <si>
    <t>情報通信機械器具製造業</t>
  </si>
  <si>
    <t>輸送用機械器具製造業</t>
  </si>
  <si>
    <t>その他の製造業</t>
  </si>
  <si>
    <t>電気業</t>
  </si>
  <si>
    <t>ガス業</t>
  </si>
  <si>
    <t>熱供給業</t>
  </si>
  <si>
    <t>水道業</t>
  </si>
  <si>
    <t>通信業</t>
  </si>
  <si>
    <t>放送業</t>
  </si>
  <si>
    <t>情報サービス業</t>
  </si>
  <si>
    <t>インターネット附随サービス業</t>
  </si>
  <si>
    <t>映像・音声・文字情報制作業</t>
  </si>
  <si>
    <t>鉄道業</t>
  </si>
  <si>
    <t>道路旅客運送業</t>
  </si>
  <si>
    <t>道路貨物運送業</t>
  </si>
  <si>
    <t>水運業</t>
  </si>
  <si>
    <t>航空運輸業</t>
  </si>
  <si>
    <t>倉庫業</t>
  </si>
  <si>
    <t>運輸に附帯するサービス業</t>
  </si>
  <si>
    <t>郵便業（信書便事業を含む）</t>
  </si>
  <si>
    <t>各種商品卸売業</t>
  </si>
  <si>
    <t>繊維・衣服等卸売業</t>
  </si>
  <si>
    <t>飲食料品卸売業</t>
  </si>
  <si>
    <t>建築材料，鉱物・金属材料等卸売業</t>
  </si>
  <si>
    <t>機械器具卸売業</t>
  </si>
  <si>
    <t>その他の卸売業</t>
  </si>
  <si>
    <t>各種商品小売業</t>
  </si>
  <si>
    <t>織物・衣服・身の回り品小売業</t>
  </si>
  <si>
    <t>飲食料品小売業</t>
  </si>
  <si>
    <t>機械器具小売業</t>
  </si>
  <si>
    <t>その他の小売業</t>
  </si>
  <si>
    <t>無店舗小売業</t>
  </si>
  <si>
    <t>銀行業</t>
  </si>
  <si>
    <t>協同組織金融業</t>
  </si>
  <si>
    <t>貸金業，クレジットカード業等非預金信用機関</t>
  </si>
  <si>
    <t>金融商品取引業，商品先物取引業</t>
  </si>
  <si>
    <t>補助的金融業等</t>
  </si>
  <si>
    <t>保険業（保険媒介代理業，保険サービス業を含む）</t>
  </si>
  <si>
    <t>不動産取引業</t>
  </si>
  <si>
    <t>不動産賃貸業・管理業</t>
  </si>
  <si>
    <t>物品賃貸業</t>
  </si>
  <si>
    <t>学術・開発研究機関</t>
  </si>
  <si>
    <t>専門サービス業（他に分類されないもの）</t>
  </si>
  <si>
    <t>広告業</t>
  </si>
  <si>
    <t>技術サービス業（他に分類されないもの）</t>
  </si>
  <si>
    <t>宿泊業</t>
  </si>
  <si>
    <t>飲食店</t>
  </si>
  <si>
    <t>持ち帰り・配達飲食サービス業</t>
  </si>
  <si>
    <t>洗濯・理容・美容・浴場業</t>
  </si>
  <si>
    <t>その他の生活関連サービス業</t>
  </si>
  <si>
    <t>娯楽業</t>
  </si>
  <si>
    <t>学校教育</t>
  </si>
  <si>
    <t>その他の教育，学習支援業</t>
  </si>
  <si>
    <t>医療業</t>
  </si>
  <si>
    <t>保健衛生</t>
  </si>
  <si>
    <t>社会保険・社会福祉・介護事業</t>
  </si>
  <si>
    <t>郵便局</t>
  </si>
  <si>
    <t>協同組合（他に分類されないもの）</t>
  </si>
  <si>
    <t>廃棄物処理業</t>
  </si>
  <si>
    <t>自動車整備業</t>
  </si>
  <si>
    <t>機械等修理業（別掲を除く）</t>
  </si>
  <si>
    <t>職業紹介・労働者派遣業</t>
  </si>
  <si>
    <t>その他の事業サービス業</t>
  </si>
  <si>
    <t>政治・経済・文化団体</t>
  </si>
  <si>
    <t>宗教</t>
  </si>
  <si>
    <t>その他のサービス業</t>
  </si>
  <si>
    <t>外国公務</t>
  </si>
  <si>
    <t>国家公務</t>
  </si>
  <si>
    <t>地方公務</t>
  </si>
  <si>
    <t>農業，林業</t>
    <phoneticPr fontId="2"/>
  </si>
  <si>
    <t>生活関連サービス業，娯楽業</t>
    <phoneticPr fontId="2"/>
  </si>
  <si>
    <t>農業・林業</t>
    <phoneticPr fontId="2"/>
  </si>
  <si>
    <t>鉱業・採石業・砂利採取業</t>
    <phoneticPr fontId="2"/>
  </si>
  <si>
    <t>運輸業・郵便業</t>
    <phoneticPr fontId="2"/>
  </si>
  <si>
    <t>不動産業・物品賃貸業</t>
    <phoneticPr fontId="2"/>
  </si>
  <si>
    <t>学術研究・専門・技術サービス業</t>
    <phoneticPr fontId="2"/>
  </si>
  <si>
    <t>宿泊業・飲食サービス業</t>
    <phoneticPr fontId="2"/>
  </si>
  <si>
    <t>生活関連サービス業・娯楽業</t>
    <phoneticPr fontId="2"/>
  </si>
  <si>
    <t>教育・学習支援業</t>
    <phoneticPr fontId="2"/>
  </si>
  <si>
    <t>医療・福祉</t>
    <phoneticPr fontId="2"/>
  </si>
  <si>
    <t>建設業</t>
    <phoneticPr fontId="2"/>
  </si>
  <si>
    <t>電気・ガス・熱供給・水道業</t>
    <phoneticPr fontId="2"/>
  </si>
  <si>
    <t>情報通信業</t>
    <phoneticPr fontId="2"/>
  </si>
  <si>
    <t>卸売業・小売業</t>
    <phoneticPr fontId="2"/>
  </si>
  <si>
    <t>金融業・保険業</t>
    <phoneticPr fontId="2"/>
  </si>
  <si>
    <t>複合サービス事業</t>
    <phoneticPr fontId="2"/>
  </si>
  <si>
    <t>サービス業・他に分類されないもの</t>
    <phoneticPr fontId="2"/>
  </si>
  <si>
    <t>公務・他に分類されるものを除く</t>
    <phoneticPr fontId="2"/>
  </si>
  <si>
    <t>分類不能の産業</t>
    <phoneticPr fontId="2"/>
  </si>
  <si>
    <t>商品名</t>
    <rPh sb="0" eb="3">
      <t>ショウヒンメイ</t>
    </rPh>
    <phoneticPr fontId="2"/>
  </si>
  <si>
    <t>NO</t>
    <phoneticPr fontId="2"/>
  </si>
  <si>
    <t>テーマ</t>
    <phoneticPr fontId="5"/>
  </si>
  <si>
    <t>都道府県名</t>
    <rPh sb="0" eb="4">
      <t>トドウフケン</t>
    </rPh>
    <rPh sb="3" eb="5">
      <t>ケンメイ</t>
    </rPh>
    <phoneticPr fontId="2"/>
  </si>
  <si>
    <t>ブランド名</t>
    <phoneticPr fontId="2"/>
  </si>
  <si>
    <t>こだわりポイント</t>
    <phoneticPr fontId="2"/>
  </si>
  <si>
    <t>予定売価
(税抜)</t>
    <rPh sb="0" eb="2">
      <t>ヨテイ</t>
    </rPh>
    <rPh sb="2" eb="4">
      <t>バイカ</t>
    </rPh>
    <rPh sb="6" eb="8">
      <t>ゼイヌ</t>
    </rPh>
    <phoneticPr fontId="2"/>
  </si>
  <si>
    <t>原価/卸値
(税抜)</t>
    <rPh sb="0" eb="2">
      <t>ゲンカ</t>
    </rPh>
    <rPh sb="3" eb="4">
      <t>オロ</t>
    </rPh>
    <rPh sb="4" eb="5">
      <t>ネ</t>
    </rPh>
    <rPh sb="7" eb="9">
      <t>ゼイヌ</t>
    </rPh>
    <phoneticPr fontId="2"/>
  </si>
  <si>
    <t>原価率</t>
    <rPh sb="0" eb="2">
      <t>ゲンカ</t>
    </rPh>
    <rPh sb="2" eb="3">
      <t>リツ</t>
    </rPh>
    <phoneticPr fontId="2"/>
  </si>
  <si>
    <t>賞味期限
(D+●日)</t>
    <rPh sb="0" eb="4">
      <t>ショウミキゲン</t>
    </rPh>
    <rPh sb="9" eb="10">
      <t>ニチ</t>
    </rPh>
    <phoneticPr fontId="2"/>
  </si>
  <si>
    <t>常温
冷蔵
冷凍</t>
    <rPh sb="0" eb="2">
      <t>ジョウオン</t>
    </rPh>
    <rPh sb="3" eb="5">
      <t>レイゾウ</t>
    </rPh>
    <rPh sb="6" eb="8">
      <t>レイトウ</t>
    </rPh>
    <phoneticPr fontId="2"/>
  </si>
  <si>
    <t>商品表示</t>
    <rPh sb="0" eb="2">
      <t>ショウヒン</t>
    </rPh>
    <rPh sb="2" eb="4">
      <t>ヒョウジ</t>
    </rPh>
    <phoneticPr fontId="5"/>
  </si>
  <si>
    <t>参考画像
あれば貼り付け
お願いします</t>
    <phoneticPr fontId="2"/>
  </si>
  <si>
    <t>例</t>
    <rPh sb="0" eb="1">
      <t>レイ</t>
    </rPh>
    <phoneticPr fontId="2"/>
  </si>
  <si>
    <t>山形県</t>
    <rPh sb="0" eb="2">
      <t>ヤマガタ</t>
    </rPh>
    <rPh sb="2" eb="3">
      <t>ケン</t>
    </rPh>
    <phoneticPr fontId="2"/>
  </si>
  <si>
    <t>〇〇〇〇</t>
    <phoneticPr fontId="2"/>
  </si>
  <si>
    <t>山ぶどうジュース</t>
    <rPh sb="0" eb="1">
      <t>ヤマ</t>
    </rPh>
    <phoneticPr fontId="2"/>
  </si>
  <si>
    <t>・山ぶどう生産日本一の久慈市にて1937年創業
・日本初の独自製法（真空缶で3年熟成）
・糖度17度以上、ポリフェノール含有量900ml／1本あたり</t>
    <rPh sb="1" eb="2">
      <t>ヤマ</t>
    </rPh>
    <rPh sb="5" eb="7">
      <t>セイサン</t>
    </rPh>
    <rPh sb="7" eb="9">
      <t>ニホン</t>
    </rPh>
    <rPh sb="9" eb="10">
      <t>イチ</t>
    </rPh>
    <rPh sb="11" eb="14">
      <t>クジシ</t>
    </rPh>
    <rPh sb="20" eb="21">
      <t>ネン</t>
    </rPh>
    <rPh sb="21" eb="23">
      <t>ソウギョウ</t>
    </rPh>
    <rPh sb="25" eb="28">
      <t>ニホンハツ</t>
    </rPh>
    <rPh sb="29" eb="31">
      <t>ドクジ</t>
    </rPh>
    <rPh sb="31" eb="33">
      <t>セイホウ</t>
    </rPh>
    <rPh sb="34" eb="36">
      <t>シンクウ</t>
    </rPh>
    <rPh sb="36" eb="37">
      <t>カン</t>
    </rPh>
    <rPh sb="39" eb="40">
      <t>ネン</t>
    </rPh>
    <rPh sb="40" eb="42">
      <t>ジュクセイ</t>
    </rPh>
    <rPh sb="45" eb="47">
      <t>トウド</t>
    </rPh>
    <rPh sb="49" eb="52">
      <t>ドイジョウ</t>
    </rPh>
    <rPh sb="60" eb="63">
      <t>ガンユウリョウ</t>
    </rPh>
    <rPh sb="70" eb="71">
      <t>ホン</t>
    </rPh>
    <phoneticPr fontId="2"/>
  </si>
  <si>
    <t>D+120</t>
    <phoneticPr fontId="2"/>
  </si>
  <si>
    <t>東北</t>
    <rPh sb="0" eb="2">
      <t>トウホク</t>
    </rPh>
    <phoneticPr fontId="3"/>
  </si>
  <si>
    <t>九州、沖縄</t>
    <rPh sb="0" eb="2">
      <t>キュウシュウ</t>
    </rPh>
    <rPh sb="3" eb="5">
      <t>オキナワ</t>
    </rPh>
    <phoneticPr fontId="3"/>
  </si>
  <si>
    <t>常温</t>
    <rPh sb="0" eb="2">
      <t>ジョウオン</t>
    </rPh>
    <phoneticPr fontId="2"/>
  </si>
  <si>
    <t>冷蔵</t>
    <rPh sb="0" eb="2">
      <t>レイゾウ</t>
    </rPh>
    <phoneticPr fontId="2"/>
  </si>
  <si>
    <t>冷凍</t>
    <rPh sb="0" eb="2">
      <t>レイトウ</t>
    </rPh>
    <phoneticPr fontId="2"/>
  </si>
  <si>
    <t xml:space="preserve">  ＜中小機構＞髙島屋ローズキッチン商品エントリーシート</t>
    <rPh sb="3" eb="5">
      <t>チュウショウ</t>
    </rPh>
    <rPh sb="5" eb="7">
      <t>キコウ</t>
    </rPh>
    <rPh sb="8" eb="11">
      <t>タカシマヤ</t>
    </rPh>
    <rPh sb="18" eb="20">
      <t>ショウヒン</t>
    </rPh>
    <phoneticPr fontId="2"/>
  </si>
  <si>
    <t>企業名</t>
    <rPh sb="0" eb="3">
      <t>キギョウメイ</t>
    </rPh>
    <phoneticPr fontId="2"/>
  </si>
  <si>
    <t>○○株式会社</t>
    <rPh sb="2" eb="6">
      <t>カブシキカイシャ</t>
    </rPh>
    <phoneticPr fontId="2"/>
  </si>
  <si>
    <t>北海道</t>
    <phoneticPr fontId="3"/>
  </si>
  <si>
    <t>こだわり特集（アップサイクル）</t>
    <rPh sb="4" eb="6">
      <t>トクシュウ</t>
    </rPh>
    <phoneticPr fontId="3"/>
  </si>
  <si>
    <t>東北（青森、岩手、秋田、宮城、福島、山形）</t>
    <rPh sb="0" eb="2">
      <t>トウホク</t>
    </rPh>
    <phoneticPr fontId="3"/>
  </si>
  <si>
    <t>東海道4県（静岡、愛知、岐阜、三重）</t>
    <rPh sb="0" eb="3">
      <t>トウカイドウ</t>
    </rPh>
    <rPh sb="4" eb="5">
      <t>ケン</t>
    </rPh>
    <rPh sb="6" eb="8">
      <t>シズオカ</t>
    </rPh>
    <rPh sb="9" eb="11">
      <t>アイチ</t>
    </rPh>
    <rPh sb="12" eb="14">
      <t>ギフ</t>
    </rPh>
    <rPh sb="15" eb="17">
      <t>ミエ</t>
    </rPh>
    <phoneticPr fontId="3"/>
  </si>
  <si>
    <t>近畿（兵庫、大阪、京都、奈良、和歌山、滋賀）</t>
    <rPh sb="0" eb="2">
      <t>キンキ</t>
    </rPh>
    <phoneticPr fontId="3"/>
  </si>
  <si>
    <t>甲信越（山梨、長野、新潟）</t>
    <rPh sb="0" eb="3">
      <t>コウシンエツ</t>
    </rPh>
    <rPh sb="4" eb="6">
      <t>ヤマナシ</t>
    </rPh>
    <rPh sb="7" eb="9">
      <t>ナガノ</t>
    </rPh>
    <rPh sb="10" eb="12">
      <t>ニイガタ</t>
    </rPh>
    <phoneticPr fontId="2"/>
  </si>
  <si>
    <t>北陸（石川、富山、福井）</t>
    <rPh sb="0" eb="2">
      <t>ホクリク</t>
    </rPh>
    <rPh sb="3" eb="5">
      <t>イシカワ</t>
    </rPh>
    <rPh sb="6" eb="8">
      <t>トヤマ</t>
    </rPh>
    <rPh sb="9" eb="11">
      <t>フクイ</t>
    </rPh>
    <phoneticPr fontId="3"/>
  </si>
  <si>
    <t>中国、四国（鳥取、島根、岡山、広島、山口、香川、徳島、愛媛、高知）</t>
    <rPh sb="0" eb="2">
      <t>チュウゴク</t>
    </rPh>
    <rPh sb="3" eb="5">
      <t>シコク</t>
    </rPh>
    <rPh sb="6" eb="8">
      <t>トットリ</t>
    </rPh>
    <rPh sb="9" eb="11">
      <t>シマネ</t>
    </rPh>
    <rPh sb="12" eb="14">
      <t>オカヤマ</t>
    </rPh>
    <rPh sb="15" eb="17">
      <t>ヒロシマ</t>
    </rPh>
    <rPh sb="18" eb="20">
      <t>ヤマグチ</t>
    </rPh>
    <rPh sb="21" eb="23">
      <t>カガワ</t>
    </rPh>
    <rPh sb="24" eb="26">
      <t>トクシマ</t>
    </rPh>
    <rPh sb="27" eb="29">
      <t>エヒメ</t>
    </rPh>
    <rPh sb="30" eb="32">
      <t>コウチ</t>
    </rPh>
    <phoneticPr fontId="3"/>
  </si>
  <si>
    <t>首都圏（東京、神奈川、埼玉、千葉、茨城、栃木、群馬）</t>
    <rPh sb="0" eb="3">
      <t>シュトケ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%"/>
  </numFmts>
  <fonts count="12">
    <font>
      <sz val="11"/>
      <name val="ＭＳ Ｐゴシック"/>
      <family val="3"/>
      <charset val="128"/>
    </font>
    <font>
      <sz val="11"/>
      <color theme="1"/>
      <name val="Yu Gothic"/>
      <family val="2"/>
      <charset val="128"/>
      <scheme val="minor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Yu Gothic"/>
      <family val="2"/>
      <charset val="128"/>
      <scheme val="minor"/>
    </font>
    <font>
      <sz val="11"/>
      <name val="BIZ UDPゴシック"/>
      <family val="3"/>
      <charset val="128"/>
    </font>
    <font>
      <b/>
      <sz val="11"/>
      <name val="BIZ UDPゴシック"/>
      <family val="3"/>
      <charset val="128"/>
    </font>
    <font>
      <b/>
      <sz val="16"/>
      <color theme="1"/>
      <name val="Meiryo UI"/>
      <family val="3"/>
      <charset val="128"/>
    </font>
    <font>
      <sz val="14"/>
      <color theme="1"/>
      <name val="Meiryo UI"/>
      <family val="3"/>
      <charset val="128"/>
    </font>
    <font>
      <sz val="11"/>
      <color theme="1"/>
      <name val="Meiryo UI"/>
      <family val="3"/>
      <charset val="128"/>
    </font>
    <font>
      <b/>
      <sz val="11"/>
      <color theme="0"/>
      <name val="Meiryo UI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5CB531"/>
        <bgColor indexed="64"/>
      </patternFill>
    </fill>
    <fill>
      <patternFill patternType="solid">
        <fgColor rgb="FFEDF9E7"/>
        <bgColor indexed="64"/>
      </patternFill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0" fontId="4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9" fontId="4" fillId="0" borderId="0" applyFont="0" applyFill="0" applyBorder="0" applyAlignment="0" applyProtection="0">
      <alignment vertical="center"/>
    </xf>
  </cellStyleXfs>
  <cellXfs count="39">
    <xf numFmtId="0" fontId="0" fillId="0" borderId="0" xfId="0"/>
    <xf numFmtId="0" fontId="6" fillId="0" borderId="0" xfId="0" applyFont="1"/>
    <xf numFmtId="0" fontId="7" fillId="0" borderId="0" xfId="0" applyFont="1"/>
    <xf numFmtId="0" fontId="10" fillId="0" borderId="0" xfId="0" applyFont="1" applyAlignment="1">
      <alignment vertical="center"/>
    </xf>
    <xf numFmtId="0" fontId="10" fillId="0" borderId="0" xfId="0" applyFont="1" applyAlignment="1">
      <alignment horizontal="center" vertical="center"/>
    </xf>
    <xf numFmtId="0" fontId="10" fillId="0" borderId="1" xfId="0" applyFont="1" applyBorder="1" applyAlignment="1">
      <alignment horizontal="center" vertical="center"/>
    </xf>
    <xf numFmtId="0" fontId="10" fillId="0" borderId="4" xfId="0" applyFont="1" applyBorder="1" applyAlignment="1">
      <alignment horizontal="center" vertical="center"/>
    </xf>
    <xf numFmtId="0" fontId="10" fillId="0" borderId="2" xfId="0" applyFont="1" applyBorder="1" applyAlignment="1">
      <alignment horizontal="left" vertical="center"/>
    </xf>
    <xf numFmtId="0" fontId="10" fillId="0" borderId="4" xfId="0" applyFont="1" applyBorder="1" applyAlignment="1">
      <alignment horizontal="left" vertical="center" wrapText="1"/>
    </xf>
    <xf numFmtId="0" fontId="10" fillId="0" borderId="3" xfId="0" applyFont="1" applyBorder="1" applyAlignment="1">
      <alignment horizontal="center" vertical="center" wrapText="1"/>
    </xf>
    <xf numFmtId="0" fontId="10" fillId="0" borderId="4" xfId="0" applyFont="1" applyBorder="1" applyAlignment="1">
      <alignment horizontal="right" vertical="center" wrapText="1"/>
    </xf>
    <xf numFmtId="176" fontId="10" fillId="0" borderId="4" xfId="3" applyNumberFormat="1" applyFont="1" applyFill="1" applyBorder="1" applyAlignment="1">
      <alignment horizontal="center" vertical="center" wrapText="1"/>
    </xf>
    <xf numFmtId="0" fontId="10" fillId="0" borderId="4" xfId="0" applyFont="1" applyBorder="1" applyAlignment="1">
      <alignment horizontal="center" vertical="center" wrapText="1"/>
    </xf>
    <xf numFmtId="0" fontId="10" fillId="0" borderId="4" xfId="0" applyFont="1" applyBorder="1" applyAlignment="1">
      <alignment vertical="center"/>
    </xf>
    <xf numFmtId="0" fontId="10" fillId="2" borderId="4" xfId="0" applyFont="1" applyFill="1" applyBorder="1" applyAlignment="1">
      <alignment horizontal="center" vertical="center"/>
    </xf>
    <xf numFmtId="0" fontId="10" fillId="2" borderId="2" xfId="0" applyFont="1" applyFill="1" applyBorder="1" applyAlignment="1">
      <alignment horizontal="center" vertical="center" wrapText="1"/>
    </xf>
    <xf numFmtId="0" fontId="10" fillId="2" borderId="2" xfId="0" applyFont="1" applyFill="1" applyBorder="1" applyAlignment="1">
      <alignment horizontal="center" vertical="center"/>
    </xf>
    <xf numFmtId="0" fontId="10" fillId="2" borderId="4" xfId="0" applyFont="1" applyFill="1" applyBorder="1" applyAlignment="1">
      <alignment horizontal="left" vertical="center" wrapText="1"/>
    </xf>
    <xf numFmtId="0" fontId="10" fillId="2" borderId="3" xfId="0" applyFont="1" applyFill="1" applyBorder="1" applyAlignment="1">
      <alignment horizontal="left" vertical="top" wrapText="1"/>
    </xf>
    <xf numFmtId="0" fontId="10" fillId="2" borderId="4" xfId="0" applyFont="1" applyFill="1" applyBorder="1" applyAlignment="1">
      <alignment horizontal="right" vertical="center" wrapText="1"/>
    </xf>
    <xf numFmtId="176" fontId="10" fillId="2" borderId="4" xfId="3" applyNumberFormat="1" applyFont="1" applyFill="1" applyBorder="1" applyAlignment="1">
      <alignment horizontal="center" vertical="center" wrapText="1"/>
    </xf>
    <xf numFmtId="0" fontId="10" fillId="2" borderId="4" xfId="0" applyFont="1" applyFill="1" applyBorder="1" applyAlignment="1">
      <alignment horizontal="center" vertical="center" wrapText="1"/>
    </xf>
    <xf numFmtId="0" fontId="10" fillId="2" borderId="4" xfId="0" applyFont="1" applyFill="1" applyBorder="1" applyAlignment="1">
      <alignment vertical="center" wrapText="1"/>
    </xf>
    <xf numFmtId="0" fontId="9" fillId="0" borderId="0" xfId="0" applyFont="1" applyAlignment="1">
      <alignment horizontal="center" vertical="center"/>
    </xf>
    <xf numFmtId="0" fontId="11" fillId="3" borderId="4" xfId="0" applyFont="1" applyFill="1" applyBorder="1" applyAlignment="1">
      <alignment horizontal="center" vertical="center"/>
    </xf>
    <xf numFmtId="0" fontId="11" fillId="3" borderId="2" xfId="0" applyFont="1" applyFill="1" applyBorder="1" applyAlignment="1">
      <alignment horizontal="center" vertical="center"/>
    </xf>
    <xf numFmtId="0" fontId="11" fillId="3" borderId="3" xfId="0" applyFont="1" applyFill="1" applyBorder="1" applyAlignment="1">
      <alignment horizontal="center" vertical="center"/>
    </xf>
    <xf numFmtId="0" fontId="11" fillId="3" borderId="4" xfId="0" applyFont="1" applyFill="1" applyBorder="1" applyAlignment="1">
      <alignment horizontal="center" vertical="center" wrapText="1"/>
    </xf>
    <xf numFmtId="0" fontId="10" fillId="4" borderId="2" xfId="0" applyFont="1" applyFill="1" applyBorder="1" applyAlignment="1">
      <alignment horizontal="center" vertical="center" wrapText="1"/>
    </xf>
    <xf numFmtId="0" fontId="10" fillId="4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left" vertical="center" wrapText="1" shrinkToFit="1"/>
    </xf>
    <xf numFmtId="0" fontId="8" fillId="0" borderId="0" xfId="0" applyFont="1" applyAlignment="1">
      <alignment horizontal="left" vertical="center" shrinkToFit="1"/>
    </xf>
    <xf numFmtId="0" fontId="10" fillId="0" borderId="0" xfId="0" applyFont="1" applyAlignment="1">
      <alignment horizontal="left" vertical="center"/>
    </xf>
    <xf numFmtId="0" fontId="10" fillId="0" borderId="2" xfId="0" applyFont="1" applyBorder="1" applyAlignment="1">
      <alignment horizontal="center" vertical="center" wrapText="1"/>
    </xf>
    <xf numFmtId="0" fontId="10" fillId="0" borderId="3" xfId="0" applyFont="1" applyBorder="1" applyAlignment="1">
      <alignment horizontal="center" vertical="center" wrapText="1"/>
    </xf>
    <xf numFmtId="0" fontId="11" fillId="3" borderId="2" xfId="0" applyFont="1" applyFill="1" applyBorder="1" applyAlignment="1">
      <alignment horizontal="center" vertical="center"/>
    </xf>
    <xf numFmtId="0" fontId="11" fillId="3" borderId="3" xfId="0" applyFont="1" applyFill="1" applyBorder="1" applyAlignment="1">
      <alignment horizontal="center" vertical="center"/>
    </xf>
    <xf numFmtId="0" fontId="10" fillId="2" borderId="2" xfId="0" applyFont="1" applyFill="1" applyBorder="1" applyAlignment="1">
      <alignment horizontal="left" vertical="center" wrapText="1"/>
    </xf>
    <xf numFmtId="0" fontId="10" fillId="2" borderId="3" xfId="0" applyFont="1" applyFill="1" applyBorder="1" applyAlignment="1">
      <alignment horizontal="left" vertical="center" wrapText="1"/>
    </xf>
  </cellXfs>
  <cellStyles count="4">
    <cellStyle name="パーセント" xfId="3" builtinId="5"/>
    <cellStyle name="桁区切り 2" xfId="2" xr:uid="{8761A583-7A99-44B2-8AD3-02FDC46965DA}"/>
    <cellStyle name="標準" xfId="0" builtinId="0"/>
    <cellStyle name="標準 2" xfId="1" xr:uid="{6B4A2F7B-D1C1-4F26-9E62-6385CB0241EB}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EDF9E7"/>
      <color rgb="FF5CB531"/>
      <color rgb="FFE7F5D7"/>
      <color rgb="FFB0DD7F"/>
      <color rgb="FFE2F3FA"/>
      <color rgb="FFCCECFF"/>
      <color rgb="FFDEEDEA"/>
      <color rgb="FF36A8D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4</xdr:col>
      <xdr:colOff>666750</xdr:colOff>
      <xdr:row>3</xdr:row>
      <xdr:rowOff>14288</xdr:rowOff>
    </xdr:from>
    <xdr:to>
      <xdr:col>14</xdr:col>
      <xdr:colOff>1095292</xdr:colOff>
      <xdr:row>3</xdr:row>
      <xdr:rowOff>1393030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7DA150B3-2737-46B2-AFC8-8F620BED7FBF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15756" r="48144" b="6789"/>
        <a:stretch/>
      </xdr:blipFill>
      <xdr:spPr bwMode="auto">
        <a:xfrm>
          <a:off x="13156406" y="1657351"/>
          <a:ext cx="434892" cy="1378742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8</xdr:col>
      <xdr:colOff>752337</xdr:colOff>
      <xdr:row>3</xdr:row>
      <xdr:rowOff>934608</xdr:rowOff>
    </xdr:from>
    <xdr:to>
      <xdr:col>12</xdr:col>
      <xdr:colOff>295182</xdr:colOff>
      <xdr:row>3</xdr:row>
      <xdr:rowOff>1381125</xdr:rowOff>
    </xdr:to>
    <xdr:sp macro="" textlink="">
      <xdr:nvSpPr>
        <xdr:cNvPr id="3" name="楕円 2">
          <a:extLst>
            <a:ext uri="{FF2B5EF4-FFF2-40B4-BE49-F238E27FC236}">
              <a16:creationId xmlns:a16="http://schemas.microsoft.com/office/drawing/2014/main" id="{1129749C-9744-44B7-B5DD-1785D90EA981}"/>
            </a:ext>
          </a:extLst>
        </xdr:cNvPr>
        <xdr:cNvSpPr/>
      </xdr:nvSpPr>
      <xdr:spPr>
        <a:xfrm>
          <a:off x="7324587" y="2577671"/>
          <a:ext cx="2805158" cy="446517"/>
        </a:xfrm>
        <a:prstGeom prst="ellipse">
          <a:avLst/>
        </a:prstGeom>
        <a:solidFill>
          <a:schemeClr val="tx1">
            <a:lumMod val="50000"/>
            <a:lumOff val="50000"/>
          </a:schemeClr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1100">
              <a:latin typeface="BIZ UDPゴシック" panose="020B0400000000000000" pitchFamily="50" charset="-128"/>
              <a:ea typeface="BIZ UDPゴシック" panose="020B0400000000000000" pitchFamily="50" charset="-128"/>
            </a:rPr>
            <a:t>売価、原価は参考</a:t>
          </a:r>
        </a:p>
      </xdr:txBody>
    </xdr:sp>
    <xdr:clientData/>
  </xdr:twoCellAnchor>
  <xdr:twoCellAnchor editAs="oneCell">
    <xdr:from>
      <xdr:col>13</xdr:col>
      <xdr:colOff>135735</xdr:colOff>
      <xdr:row>3</xdr:row>
      <xdr:rowOff>23811</xdr:rowOff>
    </xdr:from>
    <xdr:to>
      <xdr:col>13</xdr:col>
      <xdr:colOff>1589087</xdr:colOff>
      <xdr:row>3</xdr:row>
      <xdr:rowOff>1398587</xdr:rowOff>
    </xdr:to>
    <xdr:pic>
      <xdr:nvPicPr>
        <xdr:cNvPr id="4" name="図 3">
          <a:extLst>
            <a:ext uri="{FF2B5EF4-FFF2-40B4-BE49-F238E27FC236}">
              <a16:creationId xmlns:a16="http://schemas.microsoft.com/office/drawing/2014/main" id="{D576F619-63F2-7E21-0CAB-C88A1C1B3AF2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2"/>
        <a:srcRect l="12410" r="13592" b="8735"/>
        <a:stretch/>
      </xdr:blipFill>
      <xdr:spPr>
        <a:xfrm>
          <a:off x="10887079" y="1666874"/>
          <a:ext cx="1459702" cy="1381126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6B1289-060A-4DE5-BA91-363AC64453FC}">
  <dimension ref="A1:O15"/>
  <sheetViews>
    <sheetView tabSelected="1" zoomScale="80" zoomScaleNormal="80" workbookViewId="0">
      <selection activeCell="B5" sqref="B5"/>
    </sheetView>
  </sheetViews>
  <sheetFormatPr defaultColWidth="8.08984375" defaultRowHeight="56.25" customHeight="1"/>
  <cols>
    <col min="1" max="1" width="4.26953125" style="3" customWidth="1"/>
    <col min="2" max="2" width="11.36328125" style="3" customWidth="1"/>
    <col min="3" max="3" width="10.90625" style="3" customWidth="1"/>
    <col min="4" max="4" width="14.81640625" style="3" customWidth="1"/>
    <col min="5" max="5" width="14.08984375" style="3" customWidth="1"/>
    <col min="6" max="6" width="3.7265625" style="3" customWidth="1"/>
    <col min="7" max="7" width="10.26953125" style="3" customWidth="1"/>
    <col min="8" max="8" width="31.453125" style="3" customWidth="1"/>
    <col min="9" max="10" width="11.08984375" style="3" customWidth="1"/>
    <col min="11" max="11" width="8.6328125" style="3" customWidth="1"/>
    <col min="12" max="13" width="12" style="3" customWidth="1"/>
    <col min="14" max="14" width="22.90625" style="3" customWidth="1"/>
    <col min="15" max="15" width="22.26953125" style="3" customWidth="1"/>
    <col min="16" max="16" width="4.26953125" style="3" customWidth="1"/>
    <col min="17" max="17" width="5.26953125" style="3" customWidth="1"/>
    <col min="18" max="257" width="8.08984375" style="3"/>
    <col min="258" max="258" width="4" style="3" customWidth="1"/>
    <col min="259" max="259" width="4.26953125" style="3" customWidth="1"/>
    <col min="260" max="260" width="12.26953125" style="3" customWidth="1"/>
    <col min="261" max="261" width="17.26953125" style="3" customWidth="1"/>
    <col min="262" max="262" width="8.36328125" style="3" customWidth="1"/>
    <col min="263" max="263" width="13" style="3" customWidth="1"/>
    <col min="264" max="264" width="2.36328125" style="3" customWidth="1"/>
    <col min="265" max="265" width="23.26953125" style="3" customWidth="1"/>
    <col min="266" max="270" width="8.7265625" style="3" customWidth="1"/>
    <col min="271" max="271" width="22.26953125" style="3" customWidth="1"/>
    <col min="272" max="272" width="4.26953125" style="3" customWidth="1"/>
    <col min="273" max="273" width="5.26953125" style="3" customWidth="1"/>
    <col min="274" max="513" width="8.08984375" style="3"/>
    <col min="514" max="514" width="4" style="3" customWidth="1"/>
    <col min="515" max="515" width="4.26953125" style="3" customWidth="1"/>
    <col min="516" max="516" width="12.26953125" style="3" customWidth="1"/>
    <col min="517" max="517" width="17.26953125" style="3" customWidth="1"/>
    <col min="518" max="518" width="8.36328125" style="3" customWidth="1"/>
    <col min="519" max="519" width="13" style="3" customWidth="1"/>
    <col min="520" max="520" width="2.36328125" style="3" customWidth="1"/>
    <col min="521" max="521" width="23.26953125" style="3" customWidth="1"/>
    <col min="522" max="526" width="8.7265625" style="3" customWidth="1"/>
    <col min="527" max="527" width="22.26953125" style="3" customWidth="1"/>
    <col min="528" max="528" width="4.26953125" style="3" customWidth="1"/>
    <col min="529" max="529" width="5.26953125" style="3" customWidth="1"/>
    <col min="530" max="769" width="8.08984375" style="3"/>
    <col min="770" max="770" width="4" style="3" customWidth="1"/>
    <col min="771" max="771" width="4.26953125" style="3" customWidth="1"/>
    <col min="772" max="772" width="12.26953125" style="3" customWidth="1"/>
    <col min="773" max="773" width="17.26953125" style="3" customWidth="1"/>
    <col min="774" max="774" width="8.36328125" style="3" customWidth="1"/>
    <col min="775" max="775" width="13" style="3" customWidth="1"/>
    <col min="776" max="776" width="2.36328125" style="3" customWidth="1"/>
    <col min="777" max="777" width="23.26953125" style="3" customWidth="1"/>
    <col min="778" max="782" width="8.7265625" style="3" customWidth="1"/>
    <col min="783" max="783" width="22.26953125" style="3" customWidth="1"/>
    <col min="784" max="784" width="4.26953125" style="3" customWidth="1"/>
    <col min="785" max="785" width="5.26953125" style="3" customWidth="1"/>
    <col min="786" max="1025" width="8.08984375" style="3"/>
    <col min="1026" max="1026" width="4" style="3" customWidth="1"/>
    <col min="1027" max="1027" width="4.26953125" style="3" customWidth="1"/>
    <col min="1028" max="1028" width="12.26953125" style="3" customWidth="1"/>
    <col min="1029" max="1029" width="17.26953125" style="3" customWidth="1"/>
    <col min="1030" max="1030" width="8.36328125" style="3" customWidth="1"/>
    <col min="1031" max="1031" width="13" style="3" customWidth="1"/>
    <col min="1032" max="1032" width="2.36328125" style="3" customWidth="1"/>
    <col min="1033" max="1033" width="23.26953125" style="3" customWidth="1"/>
    <col min="1034" max="1038" width="8.7265625" style="3" customWidth="1"/>
    <col min="1039" max="1039" width="22.26953125" style="3" customWidth="1"/>
    <col min="1040" max="1040" width="4.26953125" style="3" customWidth="1"/>
    <col min="1041" max="1041" width="5.26953125" style="3" customWidth="1"/>
    <col min="1042" max="1281" width="8.08984375" style="3"/>
    <col min="1282" max="1282" width="4" style="3" customWidth="1"/>
    <col min="1283" max="1283" width="4.26953125" style="3" customWidth="1"/>
    <col min="1284" max="1284" width="12.26953125" style="3" customWidth="1"/>
    <col min="1285" max="1285" width="17.26953125" style="3" customWidth="1"/>
    <col min="1286" max="1286" width="8.36328125" style="3" customWidth="1"/>
    <col min="1287" max="1287" width="13" style="3" customWidth="1"/>
    <col min="1288" max="1288" width="2.36328125" style="3" customWidth="1"/>
    <col min="1289" max="1289" width="23.26953125" style="3" customWidth="1"/>
    <col min="1290" max="1294" width="8.7265625" style="3" customWidth="1"/>
    <col min="1295" max="1295" width="22.26953125" style="3" customWidth="1"/>
    <col min="1296" max="1296" width="4.26953125" style="3" customWidth="1"/>
    <col min="1297" max="1297" width="5.26953125" style="3" customWidth="1"/>
    <col min="1298" max="1537" width="8.08984375" style="3"/>
    <col min="1538" max="1538" width="4" style="3" customWidth="1"/>
    <col min="1539" max="1539" width="4.26953125" style="3" customWidth="1"/>
    <col min="1540" max="1540" width="12.26953125" style="3" customWidth="1"/>
    <col min="1541" max="1541" width="17.26953125" style="3" customWidth="1"/>
    <col min="1542" max="1542" width="8.36328125" style="3" customWidth="1"/>
    <col min="1543" max="1543" width="13" style="3" customWidth="1"/>
    <col min="1544" max="1544" width="2.36328125" style="3" customWidth="1"/>
    <col min="1545" max="1545" width="23.26953125" style="3" customWidth="1"/>
    <col min="1546" max="1550" width="8.7265625" style="3" customWidth="1"/>
    <col min="1551" max="1551" width="22.26953125" style="3" customWidth="1"/>
    <col min="1552" max="1552" width="4.26953125" style="3" customWidth="1"/>
    <col min="1553" max="1553" width="5.26953125" style="3" customWidth="1"/>
    <col min="1554" max="1793" width="8.08984375" style="3"/>
    <col min="1794" max="1794" width="4" style="3" customWidth="1"/>
    <col min="1795" max="1795" width="4.26953125" style="3" customWidth="1"/>
    <col min="1796" max="1796" width="12.26953125" style="3" customWidth="1"/>
    <col min="1797" max="1797" width="17.26953125" style="3" customWidth="1"/>
    <col min="1798" max="1798" width="8.36328125" style="3" customWidth="1"/>
    <col min="1799" max="1799" width="13" style="3" customWidth="1"/>
    <col min="1800" max="1800" width="2.36328125" style="3" customWidth="1"/>
    <col min="1801" max="1801" width="23.26953125" style="3" customWidth="1"/>
    <col min="1802" max="1806" width="8.7265625" style="3" customWidth="1"/>
    <col min="1807" max="1807" width="22.26953125" style="3" customWidth="1"/>
    <col min="1808" max="1808" width="4.26953125" style="3" customWidth="1"/>
    <col min="1809" max="1809" width="5.26953125" style="3" customWidth="1"/>
    <col min="1810" max="2049" width="8.08984375" style="3"/>
    <col min="2050" max="2050" width="4" style="3" customWidth="1"/>
    <col min="2051" max="2051" width="4.26953125" style="3" customWidth="1"/>
    <col min="2052" max="2052" width="12.26953125" style="3" customWidth="1"/>
    <col min="2053" max="2053" width="17.26953125" style="3" customWidth="1"/>
    <col min="2054" max="2054" width="8.36328125" style="3" customWidth="1"/>
    <col min="2055" max="2055" width="13" style="3" customWidth="1"/>
    <col min="2056" max="2056" width="2.36328125" style="3" customWidth="1"/>
    <col min="2057" max="2057" width="23.26953125" style="3" customWidth="1"/>
    <col min="2058" max="2062" width="8.7265625" style="3" customWidth="1"/>
    <col min="2063" max="2063" width="22.26953125" style="3" customWidth="1"/>
    <col min="2064" max="2064" width="4.26953125" style="3" customWidth="1"/>
    <col min="2065" max="2065" width="5.26953125" style="3" customWidth="1"/>
    <col min="2066" max="2305" width="8.08984375" style="3"/>
    <col min="2306" max="2306" width="4" style="3" customWidth="1"/>
    <col min="2307" max="2307" width="4.26953125" style="3" customWidth="1"/>
    <col min="2308" max="2308" width="12.26953125" style="3" customWidth="1"/>
    <col min="2309" max="2309" width="17.26953125" style="3" customWidth="1"/>
    <col min="2310" max="2310" width="8.36328125" style="3" customWidth="1"/>
    <col min="2311" max="2311" width="13" style="3" customWidth="1"/>
    <col min="2312" max="2312" width="2.36328125" style="3" customWidth="1"/>
    <col min="2313" max="2313" width="23.26953125" style="3" customWidth="1"/>
    <col min="2314" max="2318" width="8.7265625" style="3" customWidth="1"/>
    <col min="2319" max="2319" width="22.26953125" style="3" customWidth="1"/>
    <col min="2320" max="2320" width="4.26953125" style="3" customWidth="1"/>
    <col min="2321" max="2321" width="5.26953125" style="3" customWidth="1"/>
    <col min="2322" max="2561" width="8.08984375" style="3"/>
    <col min="2562" max="2562" width="4" style="3" customWidth="1"/>
    <col min="2563" max="2563" width="4.26953125" style="3" customWidth="1"/>
    <col min="2564" max="2564" width="12.26953125" style="3" customWidth="1"/>
    <col min="2565" max="2565" width="17.26953125" style="3" customWidth="1"/>
    <col min="2566" max="2566" width="8.36328125" style="3" customWidth="1"/>
    <col min="2567" max="2567" width="13" style="3" customWidth="1"/>
    <col min="2568" max="2568" width="2.36328125" style="3" customWidth="1"/>
    <col min="2569" max="2569" width="23.26953125" style="3" customWidth="1"/>
    <col min="2570" max="2574" width="8.7265625" style="3" customWidth="1"/>
    <col min="2575" max="2575" width="22.26953125" style="3" customWidth="1"/>
    <col min="2576" max="2576" width="4.26953125" style="3" customWidth="1"/>
    <col min="2577" max="2577" width="5.26953125" style="3" customWidth="1"/>
    <col min="2578" max="2817" width="8.08984375" style="3"/>
    <col min="2818" max="2818" width="4" style="3" customWidth="1"/>
    <col min="2819" max="2819" width="4.26953125" style="3" customWidth="1"/>
    <col min="2820" max="2820" width="12.26953125" style="3" customWidth="1"/>
    <col min="2821" max="2821" width="17.26953125" style="3" customWidth="1"/>
    <col min="2822" max="2822" width="8.36328125" style="3" customWidth="1"/>
    <col min="2823" max="2823" width="13" style="3" customWidth="1"/>
    <col min="2824" max="2824" width="2.36328125" style="3" customWidth="1"/>
    <col min="2825" max="2825" width="23.26953125" style="3" customWidth="1"/>
    <col min="2826" max="2830" width="8.7265625" style="3" customWidth="1"/>
    <col min="2831" max="2831" width="22.26953125" style="3" customWidth="1"/>
    <col min="2832" max="2832" width="4.26953125" style="3" customWidth="1"/>
    <col min="2833" max="2833" width="5.26953125" style="3" customWidth="1"/>
    <col min="2834" max="3073" width="8.08984375" style="3"/>
    <col min="3074" max="3074" width="4" style="3" customWidth="1"/>
    <col min="3075" max="3075" width="4.26953125" style="3" customWidth="1"/>
    <col min="3076" max="3076" width="12.26953125" style="3" customWidth="1"/>
    <col min="3077" max="3077" width="17.26953125" style="3" customWidth="1"/>
    <col min="3078" max="3078" width="8.36328125" style="3" customWidth="1"/>
    <col min="3079" max="3079" width="13" style="3" customWidth="1"/>
    <col min="3080" max="3080" width="2.36328125" style="3" customWidth="1"/>
    <col min="3081" max="3081" width="23.26953125" style="3" customWidth="1"/>
    <col min="3082" max="3086" width="8.7265625" style="3" customWidth="1"/>
    <col min="3087" max="3087" width="22.26953125" style="3" customWidth="1"/>
    <col min="3088" max="3088" width="4.26953125" style="3" customWidth="1"/>
    <col min="3089" max="3089" width="5.26953125" style="3" customWidth="1"/>
    <col min="3090" max="3329" width="8.08984375" style="3"/>
    <col min="3330" max="3330" width="4" style="3" customWidth="1"/>
    <col min="3331" max="3331" width="4.26953125" style="3" customWidth="1"/>
    <col min="3332" max="3332" width="12.26953125" style="3" customWidth="1"/>
    <col min="3333" max="3333" width="17.26953125" style="3" customWidth="1"/>
    <col min="3334" max="3334" width="8.36328125" style="3" customWidth="1"/>
    <col min="3335" max="3335" width="13" style="3" customWidth="1"/>
    <col min="3336" max="3336" width="2.36328125" style="3" customWidth="1"/>
    <col min="3337" max="3337" width="23.26953125" style="3" customWidth="1"/>
    <col min="3338" max="3342" width="8.7265625" style="3" customWidth="1"/>
    <col min="3343" max="3343" width="22.26953125" style="3" customWidth="1"/>
    <col min="3344" max="3344" width="4.26953125" style="3" customWidth="1"/>
    <col min="3345" max="3345" width="5.26953125" style="3" customWidth="1"/>
    <col min="3346" max="3585" width="8.08984375" style="3"/>
    <col min="3586" max="3586" width="4" style="3" customWidth="1"/>
    <col min="3587" max="3587" width="4.26953125" style="3" customWidth="1"/>
    <col min="3588" max="3588" width="12.26953125" style="3" customWidth="1"/>
    <col min="3589" max="3589" width="17.26953125" style="3" customWidth="1"/>
    <col min="3590" max="3590" width="8.36328125" style="3" customWidth="1"/>
    <col min="3591" max="3591" width="13" style="3" customWidth="1"/>
    <col min="3592" max="3592" width="2.36328125" style="3" customWidth="1"/>
    <col min="3593" max="3593" width="23.26953125" style="3" customWidth="1"/>
    <col min="3594" max="3598" width="8.7265625" style="3" customWidth="1"/>
    <col min="3599" max="3599" width="22.26953125" style="3" customWidth="1"/>
    <col min="3600" max="3600" width="4.26953125" style="3" customWidth="1"/>
    <col min="3601" max="3601" width="5.26953125" style="3" customWidth="1"/>
    <col min="3602" max="3841" width="8.08984375" style="3"/>
    <col min="3842" max="3842" width="4" style="3" customWidth="1"/>
    <col min="3843" max="3843" width="4.26953125" style="3" customWidth="1"/>
    <col min="3844" max="3844" width="12.26953125" style="3" customWidth="1"/>
    <col min="3845" max="3845" width="17.26953125" style="3" customWidth="1"/>
    <col min="3846" max="3846" width="8.36328125" style="3" customWidth="1"/>
    <col min="3847" max="3847" width="13" style="3" customWidth="1"/>
    <col min="3848" max="3848" width="2.36328125" style="3" customWidth="1"/>
    <col min="3849" max="3849" width="23.26953125" style="3" customWidth="1"/>
    <col min="3850" max="3854" width="8.7265625" style="3" customWidth="1"/>
    <col min="3855" max="3855" width="22.26953125" style="3" customWidth="1"/>
    <col min="3856" max="3856" width="4.26953125" style="3" customWidth="1"/>
    <col min="3857" max="3857" width="5.26953125" style="3" customWidth="1"/>
    <col min="3858" max="4097" width="8.08984375" style="3"/>
    <col min="4098" max="4098" width="4" style="3" customWidth="1"/>
    <col min="4099" max="4099" width="4.26953125" style="3" customWidth="1"/>
    <col min="4100" max="4100" width="12.26953125" style="3" customWidth="1"/>
    <col min="4101" max="4101" width="17.26953125" style="3" customWidth="1"/>
    <col min="4102" max="4102" width="8.36328125" style="3" customWidth="1"/>
    <col min="4103" max="4103" width="13" style="3" customWidth="1"/>
    <col min="4104" max="4104" width="2.36328125" style="3" customWidth="1"/>
    <col min="4105" max="4105" width="23.26953125" style="3" customWidth="1"/>
    <col min="4106" max="4110" width="8.7265625" style="3" customWidth="1"/>
    <col min="4111" max="4111" width="22.26953125" style="3" customWidth="1"/>
    <col min="4112" max="4112" width="4.26953125" style="3" customWidth="1"/>
    <col min="4113" max="4113" width="5.26953125" style="3" customWidth="1"/>
    <col min="4114" max="4353" width="8.08984375" style="3"/>
    <col min="4354" max="4354" width="4" style="3" customWidth="1"/>
    <col min="4355" max="4355" width="4.26953125" style="3" customWidth="1"/>
    <col min="4356" max="4356" width="12.26953125" style="3" customWidth="1"/>
    <col min="4357" max="4357" width="17.26953125" style="3" customWidth="1"/>
    <col min="4358" max="4358" width="8.36328125" style="3" customWidth="1"/>
    <col min="4359" max="4359" width="13" style="3" customWidth="1"/>
    <col min="4360" max="4360" width="2.36328125" style="3" customWidth="1"/>
    <col min="4361" max="4361" width="23.26953125" style="3" customWidth="1"/>
    <col min="4362" max="4366" width="8.7265625" style="3" customWidth="1"/>
    <col min="4367" max="4367" width="22.26953125" style="3" customWidth="1"/>
    <col min="4368" max="4368" width="4.26953125" style="3" customWidth="1"/>
    <col min="4369" max="4369" width="5.26953125" style="3" customWidth="1"/>
    <col min="4370" max="4609" width="8.08984375" style="3"/>
    <col min="4610" max="4610" width="4" style="3" customWidth="1"/>
    <col min="4611" max="4611" width="4.26953125" style="3" customWidth="1"/>
    <col min="4612" max="4612" width="12.26953125" style="3" customWidth="1"/>
    <col min="4613" max="4613" width="17.26953125" style="3" customWidth="1"/>
    <col min="4614" max="4614" width="8.36328125" style="3" customWidth="1"/>
    <col min="4615" max="4615" width="13" style="3" customWidth="1"/>
    <col min="4616" max="4616" width="2.36328125" style="3" customWidth="1"/>
    <col min="4617" max="4617" width="23.26953125" style="3" customWidth="1"/>
    <col min="4618" max="4622" width="8.7265625" style="3" customWidth="1"/>
    <col min="4623" max="4623" width="22.26953125" style="3" customWidth="1"/>
    <col min="4624" max="4624" width="4.26953125" style="3" customWidth="1"/>
    <col min="4625" max="4625" width="5.26953125" style="3" customWidth="1"/>
    <col min="4626" max="4865" width="8.08984375" style="3"/>
    <col min="4866" max="4866" width="4" style="3" customWidth="1"/>
    <col min="4867" max="4867" width="4.26953125" style="3" customWidth="1"/>
    <col min="4868" max="4868" width="12.26953125" style="3" customWidth="1"/>
    <col min="4869" max="4869" width="17.26953125" style="3" customWidth="1"/>
    <col min="4870" max="4870" width="8.36328125" style="3" customWidth="1"/>
    <col min="4871" max="4871" width="13" style="3" customWidth="1"/>
    <col min="4872" max="4872" width="2.36328125" style="3" customWidth="1"/>
    <col min="4873" max="4873" width="23.26953125" style="3" customWidth="1"/>
    <col min="4874" max="4878" width="8.7265625" style="3" customWidth="1"/>
    <col min="4879" max="4879" width="22.26953125" style="3" customWidth="1"/>
    <col min="4880" max="4880" width="4.26953125" style="3" customWidth="1"/>
    <col min="4881" max="4881" width="5.26953125" style="3" customWidth="1"/>
    <col min="4882" max="5121" width="8.08984375" style="3"/>
    <col min="5122" max="5122" width="4" style="3" customWidth="1"/>
    <col min="5123" max="5123" width="4.26953125" style="3" customWidth="1"/>
    <col min="5124" max="5124" width="12.26953125" style="3" customWidth="1"/>
    <col min="5125" max="5125" width="17.26953125" style="3" customWidth="1"/>
    <col min="5126" max="5126" width="8.36328125" style="3" customWidth="1"/>
    <col min="5127" max="5127" width="13" style="3" customWidth="1"/>
    <col min="5128" max="5128" width="2.36328125" style="3" customWidth="1"/>
    <col min="5129" max="5129" width="23.26953125" style="3" customWidth="1"/>
    <col min="5130" max="5134" width="8.7265625" style="3" customWidth="1"/>
    <col min="5135" max="5135" width="22.26953125" style="3" customWidth="1"/>
    <col min="5136" max="5136" width="4.26953125" style="3" customWidth="1"/>
    <col min="5137" max="5137" width="5.26953125" style="3" customWidth="1"/>
    <col min="5138" max="5377" width="8.08984375" style="3"/>
    <col min="5378" max="5378" width="4" style="3" customWidth="1"/>
    <col min="5379" max="5379" width="4.26953125" style="3" customWidth="1"/>
    <col min="5380" max="5380" width="12.26953125" style="3" customWidth="1"/>
    <col min="5381" max="5381" width="17.26953125" style="3" customWidth="1"/>
    <col min="5382" max="5382" width="8.36328125" style="3" customWidth="1"/>
    <col min="5383" max="5383" width="13" style="3" customWidth="1"/>
    <col min="5384" max="5384" width="2.36328125" style="3" customWidth="1"/>
    <col min="5385" max="5385" width="23.26953125" style="3" customWidth="1"/>
    <col min="5386" max="5390" width="8.7265625" style="3" customWidth="1"/>
    <col min="5391" max="5391" width="22.26953125" style="3" customWidth="1"/>
    <col min="5392" max="5392" width="4.26953125" style="3" customWidth="1"/>
    <col min="5393" max="5393" width="5.26953125" style="3" customWidth="1"/>
    <col min="5394" max="5633" width="8.08984375" style="3"/>
    <col min="5634" max="5634" width="4" style="3" customWidth="1"/>
    <col min="5635" max="5635" width="4.26953125" style="3" customWidth="1"/>
    <col min="5636" max="5636" width="12.26953125" style="3" customWidth="1"/>
    <col min="5637" max="5637" width="17.26953125" style="3" customWidth="1"/>
    <col min="5638" max="5638" width="8.36328125" style="3" customWidth="1"/>
    <col min="5639" max="5639" width="13" style="3" customWidth="1"/>
    <col min="5640" max="5640" width="2.36328125" style="3" customWidth="1"/>
    <col min="5641" max="5641" width="23.26953125" style="3" customWidth="1"/>
    <col min="5642" max="5646" width="8.7265625" style="3" customWidth="1"/>
    <col min="5647" max="5647" width="22.26953125" style="3" customWidth="1"/>
    <col min="5648" max="5648" width="4.26953125" style="3" customWidth="1"/>
    <col min="5649" max="5649" width="5.26953125" style="3" customWidth="1"/>
    <col min="5650" max="5889" width="8.08984375" style="3"/>
    <col min="5890" max="5890" width="4" style="3" customWidth="1"/>
    <col min="5891" max="5891" width="4.26953125" style="3" customWidth="1"/>
    <col min="5892" max="5892" width="12.26953125" style="3" customWidth="1"/>
    <col min="5893" max="5893" width="17.26953125" style="3" customWidth="1"/>
    <col min="5894" max="5894" width="8.36328125" style="3" customWidth="1"/>
    <col min="5895" max="5895" width="13" style="3" customWidth="1"/>
    <col min="5896" max="5896" width="2.36328125" style="3" customWidth="1"/>
    <col min="5897" max="5897" width="23.26953125" style="3" customWidth="1"/>
    <col min="5898" max="5902" width="8.7265625" style="3" customWidth="1"/>
    <col min="5903" max="5903" width="22.26953125" style="3" customWidth="1"/>
    <col min="5904" max="5904" width="4.26953125" style="3" customWidth="1"/>
    <col min="5905" max="5905" width="5.26953125" style="3" customWidth="1"/>
    <col min="5906" max="6145" width="8.08984375" style="3"/>
    <col min="6146" max="6146" width="4" style="3" customWidth="1"/>
    <col min="6147" max="6147" width="4.26953125" style="3" customWidth="1"/>
    <col min="6148" max="6148" width="12.26953125" style="3" customWidth="1"/>
    <col min="6149" max="6149" width="17.26953125" style="3" customWidth="1"/>
    <col min="6150" max="6150" width="8.36328125" style="3" customWidth="1"/>
    <col min="6151" max="6151" width="13" style="3" customWidth="1"/>
    <col min="6152" max="6152" width="2.36328125" style="3" customWidth="1"/>
    <col min="6153" max="6153" width="23.26953125" style="3" customWidth="1"/>
    <col min="6154" max="6158" width="8.7265625" style="3" customWidth="1"/>
    <col min="6159" max="6159" width="22.26953125" style="3" customWidth="1"/>
    <col min="6160" max="6160" width="4.26953125" style="3" customWidth="1"/>
    <col min="6161" max="6161" width="5.26953125" style="3" customWidth="1"/>
    <col min="6162" max="6401" width="8.08984375" style="3"/>
    <col min="6402" max="6402" width="4" style="3" customWidth="1"/>
    <col min="6403" max="6403" width="4.26953125" style="3" customWidth="1"/>
    <col min="6404" max="6404" width="12.26953125" style="3" customWidth="1"/>
    <col min="6405" max="6405" width="17.26953125" style="3" customWidth="1"/>
    <col min="6406" max="6406" width="8.36328125" style="3" customWidth="1"/>
    <col min="6407" max="6407" width="13" style="3" customWidth="1"/>
    <col min="6408" max="6408" width="2.36328125" style="3" customWidth="1"/>
    <col min="6409" max="6409" width="23.26953125" style="3" customWidth="1"/>
    <col min="6410" max="6414" width="8.7265625" style="3" customWidth="1"/>
    <col min="6415" max="6415" width="22.26953125" style="3" customWidth="1"/>
    <col min="6416" max="6416" width="4.26953125" style="3" customWidth="1"/>
    <col min="6417" max="6417" width="5.26953125" style="3" customWidth="1"/>
    <col min="6418" max="6657" width="8.08984375" style="3"/>
    <col min="6658" max="6658" width="4" style="3" customWidth="1"/>
    <col min="6659" max="6659" width="4.26953125" style="3" customWidth="1"/>
    <col min="6660" max="6660" width="12.26953125" style="3" customWidth="1"/>
    <col min="6661" max="6661" width="17.26953125" style="3" customWidth="1"/>
    <col min="6662" max="6662" width="8.36328125" style="3" customWidth="1"/>
    <col min="6663" max="6663" width="13" style="3" customWidth="1"/>
    <col min="6664" max="6664" width="2.36328125" style="3" customWidth="1"/>
    <col min="6665" max="6665" width="23.26953125" style="3" customWidth="1"/>
    <col min="6666" max="6670" width="8.7265625" style="3" customWidth="1"/>
    <col min="6671" max="6671" width="22.26953125" style="3" customWidth="1"/>
    <col min="6672" max="6672" width="4.26953125" style="3" customWidth="1"/>
    <col min="6673" max="6673" width="5.26953125" style="3" customWidth="1"/>
    <col min="6674" max="6913" width="8.08984375" style="3"/>
    <col min="6914" max="6914" width="4" style="3" customWidth="1"/>
    <col min="6915" max="6915" width="4.26953125" style="3" customWidth="1"/>
    <col min="6916" max="6916" width="12.26953125" style="3" customWidth="1"/>
    <col min="6917" max="6917" width="17.26953125" style="3" customWidth="1"/>
    <col min="6918" max="6918" width="8.36328125" style="3" customWidth="1"/>
    <col min="6919" max="6919" width="13" style="3" customWidth="1"/>
    <col min="6920" max="6920" width="2.36328125" style="3" customWidth="1"/>
    <col min="6921" max="6921" width="23.26953125" style="3" customWidth="1"/>
    <col min="6922" max="6926" width="8.7265625" style="3" customWidth="1"/>
    <col min="6927" max="6927" width="22.26953125" style="3" customWidth="1"/>
    <col min="6928" max="6928" width="4.26953125" style="3" customWidth="1"/>
    <col min="6929" max="6929" width="5.26953125" style="3" customWidth="1"/>
    <col min="6930" max="7169" width="8.08984375" style="3"/>
    <col min="7170" max="7170" width="4" style="3" customWidth="1"/>
    <col min="7171" max="7171" width="4.26953125" style="3" customWidth="1"/>
    <col min="7172" max="7172" width="12.26953125" style="3" customWidth="1"/>
    <col min="7173" max="7173" width="17.26953125" style="3" customWidth="1"/>
    <col min="7174" max="7174" width="8.36328125" style="3" customWidth="1"/>
    <col min="7175" max="7175" width="13" style="3" customWidth="1"/>
    <col min="7176" max="7176" width="2.36328125" style="3" customWidth="1"/>
    <col min="7177" max="7177" width="23.26953125" style="3" customWidth="1"/>
    <col min="7178" max="7182" width="8.7265625" style="3" customWidth="1"/>
    <col min="7183" max="7183" width="22.26953125" style="3" customWidth="1"/>
    <col min="7184" max="7184" width="4.26953125" style="3" customWidth="1"/>
    <col min="7185" max="7185" width="5.26953125" style="3" customWidth="1"/>
    <col min="7186" max="7425" width="8.08984375" style="3"/>
    <col min="7426" max="7426" width="4" style="3" customWidth="1"/>
    <col min="7427" max="7427" width="4.26953125" style="3" customWidth="1"/>
    <col min="7428" max="7428" width="12.26953125" style="3" customWidth="1"/>
    <col min="7429" max="7429" width="17.26953125" style="3" customWidth="1"/>
    <col min="7430" max="7430" width="8.36328125" style="3" customWidth="1"/>
    <col min="7431" max="7431" width="13" style="3" customWidth="1"/>
    <col min="7432" max="7432" width="2.36328125" style="3" customWidth="1"/>
    <col min="7433" max="7433" width="23.26953125" style="3" customWidth="1"/>
    <col min="7434" max="7438" width="8.7265625" style="3" customWidth="1"/>
    <col min="7439" max="7439" width="22.26953125" style="3" customWidth="1"/>
    <col min="7440" max="7440" width="4.26953125" style="3" customWidth="1"/>
    <col min="7441" max="7441" width="5.26953125" style="3" customWidth="1"/>
    <col min="7442" max="7681" width="8.08984375" style="3"/>
    <col min="7682" max="7682" width="4" style="3" customWidth="1"/>
    <col min="7683" max="7683" width="4.26953125" style="3" customWidth="1"/>
    <col min="7684" max="7684" width="12.26953125" style="3" customWidth="1"/>
    <col min="7685" max="7685" width="17.26953125" style="3" customWidth="1"/>
    <col min="7686" max="7686" width="8.36328125" style="3" customWidth="1"/>
    <col min="7687" max="7687" width="13" style="3" customWidth="1"/>
    <col min="7688" max="7688" width="2.36328125" style="3" customWidth="1"/>
    <col min="7689" max="7689" width="23.26953125" style="3" customWidth="1"/>
    <col min="7690" max="7694" width="8.7265625" style="3" customWidth="1"/>
    <col min="7695" max="7695" width="22.26953125" style="3" customWidth="1"/>
    <col min="7696" max="7696" width="4.26953125" style="3" customWidth="1"/>
    <col min="7697" max="7697" width="5.26953125" style="3" customWidth="1"/>
    <col min="7698" max="7937" width="8.08984375" style="3"/>
    <col min="7938" max="7938" width="4" style="3" customWidth="1"/>
    <col min="7939" max="7939" width="4.26953125" style="3" customWidth="1"/>
    <col min="7940" max="7940" width="12.26953125" style="3" customWidth="1"/>
    <col min="7941" max="7941" width="17.26953125" style="3" customWidth="1"/>
    <col min="7942" max="7942" width="8.36328125" style="3" customWidth="1"/>
    <col min="7943" max="7943" width="13" style="3" customWidth="1"/>
    <col min="7944" max="7944" width="2.36328125" style="3" customWidth="1"/>
    <col min="7945" max="7945" width="23.26953125" style="3" customWidth="1"/>
    <col min="7946" max="7950" width="8.7265625" style="3" customWidth="1"/>
    <col min="7951" max="7951" width="22.26953125" style="3" customWidth="1"/>
    <col min="7952" max="7952" width="4.26953125" style="3" customWidth="1"/>
    <col min="7953" max="7953" width="5.26953125" style="3" customWidth="1"/>
    <col min="7954" max="8193" width="8.08984375" style="3"/>
    <col min="8194" max="8194" width="4" style="3" customWidth="1"/>
    <col min="8195" max="8195" width="4.26953125" style="3" customWidth="1"/>
    <col min="8196" max="8196" width="12.26953125" style="3" customWidth="1"/>
    <col min="8197" max="8197" width="17.26953125" style="3" customWidth="1"/>
    <col min="8198" max="8198" width="8.36328125" style="3" customWidth="1"/>
    <col min="8199" max="8199" width="13" style="3" customWidth="1"/>
    <col min="8200" max="8200" width="2.36328125" style="3" customWidth="1"/>
    <col min="8201" max="8201" width="23.26953125" style="3" customWidth="1"/>
    <col min="8202" max="8206" width="8.7265625" style="3" customWidth="1"/>
    <col min="8207" max="8207" width="22.26953125" style="3" customWidth="1"/>
    <col min="8208" max="8208" width="4.26953125" style="3" customWidth="1"/>
    <col min="8209" max="8209" width="5.26953125" style="3" customWidth="1"/>
    <col min="8210" max="8449" width="8.08984375" style="3"/>
    <col min="8450" max="8450" width="4" style="3" customWidth="1"/>
    <col min="8451" max="8451" width="4.26953125" style="3" customWidth="1"/>
    <col min="8452" max="8452" width="12.26953125" style="3" customWidth="1"/>
    <col min="8453" max="8453" width="17.26953125" style="3" customWidth="1"/>
    <col min="8454" max="8454" width="8.36328125" style="3" customWidth="1"/>
    <col min="8455" max="8455" width="13" style="3" customWidth="1"/>
    <col min="8456" max="8456" width="2.36328125" style="3" customWidth="1"/>
    <col min="8457" max="8457" width="23.26953125" style="3" customWidth="1"/>
    <col min="8458" max="8462" width="8.7265625" style="3" customWidth="1"/>
    <col min="8463" max="8463" width="22.26953125" style="3" customWidth="1"/>
    <col min="8464" max="8464" width="4.26953125" style="3" customWidth="1"/>
    <col min="8465" max="8465" width="5.26953125" style="3" customWidth="1"/>
    <col min="8466" max="8705" width="8.08984375" style="3"/>
    <col min="8706" max="8706" width="4" style="3" customWidth="1"/>
    <col min="8707" max="8707" width="4.26953125" style="3" customWidth="1"/>
    <col min="8708" max="8708" width="12.26953125" style="3" customWidth="1"/>
    <col min="8709" max="8709" width="17.26953125" style="3" customWidth="1"/>
    <col min="8710" max="8710" width="8.36328125" style="3" customWidth="1"/>
    <col min="8711" max="8711" width="13" style="3" customWidth="1"/>
    <col min="8712" max="8712" width="2.36328125" style="3" customWidth="1"/>
    <col min="8713" max="8713" width="23.26953125" style="3" customWidth="1"/>
    <col min="8714" max="8718" width="8.7265625" style="3" customWidth="1"/>
    <col min="8719" max="8719" width="22.26953125" style="3" customWidth="1"/>
    <col min="8720" max="8720" width="4.26953125" style="3" customWidth="1"/>
    <col min="8721" max="8721" width="5.26953125" style="3" customWidth="1"/>
    <col min="8722" max="8961" width="8.08984375" style="3"/>
    <col min="8962" max="8962" width="4" style="3" customWidth="1"/>
    <col min="8963" max="8963" width="4.26953125" style="3" customWidth="1"/>
    <col min="8964" max="8964" width="12.26953125" style="3" customWidth="1"/>
    <col min="8965" max="8965" width="17.26953125" style="3" customWidth="1"/>
    <col min="8966" max="8966" width="8.36328125" style="3" customWidth="1"/>
    <col min="8967" max="8967" width="13" style="3" customWidth="1"/>
    <col min="8968" max="8968" width="2.36328125" style="3" customWidth="1"/>
    <col min="8969" max="8969" width="23.26953125" style="3" customWidth="1"/>
    <col min="8970" max="8974" width="8.7265625" style="3" customWidth="1"/>
    <col min="8975" max="8975" width="22.26953125" style="3" customWidth="1"/>
    <col min="8976" max="8976" width="4.26953125" style="3" customWidth="1"/>
    <col min="8977" max="8977" width="5.26953125" style="3" customWidth="1"/>
    <col min="8978" max="9217" width="8.08984375" style="3"/>
    <col min="9218" max="9218" width="4" style="3" customWidth="1"/>
    <col min="9219" max="9219" width="4.26953125" style="3" customWidth="1"/>
    <col min="9220" max="9220" width="12.26953125" style="3" customWidth="1"/>
    <col min="9221" max="9221" width="17.26953125" style="3" customWidth="1"/>
    <col min="9222" max="9222" width="8.36328125" style="3" customWidth="1"/>
    <col min="9223" max="9223" width="13" style="3" customWidth="1"/>
    <col min="9224" max="9224" width="2.36328125" style="3" customWidth="1"/>
    <col min="9225" max="9225" width="23.26953125" style="3" customWidth="1"/>
    <col min="9226" max="9230" width="8.7265625" style="3" customWidth="1"/>
    <col min="9231" max="9231" width="22.26953125" style="3" customWidth="1"/>
    <col min="9232" max="9232" width="4.26953125" style="3" customWidth="1"/>
    <col min="9233" max="9233" width="5.26953125" style="3" customWidth="1"/>
    <col min="9234" max="9473" width="8.08984375" style="3"/>
    <col min="9474" max="9474" width="4" style="3" customWidth="1"/>
    <col min="9475" max="9475" width="4.26953125" style="3" customWidth="1"/>
    <col min="9476" max="9476" width="12.26953125" style="3" customWidth="1"/>
    <col min="9477" max="9477" width="17.26953125" style="3" customWidth="1"/>
    <col min="9478" max="9478" width="8.36328125" style="3" customWidth="1"/>
    <col min="9479" max="9479" width="13" style="3" customWidth="1"/>
    <col min="9480" max="9480" width="2.36328125" style="3" customWidth="1"/>
    <col min="9481" max="9481" width="23.26953125" style="3" customWidth="1"/>
    <col min="9482" max="9486" width="8.7265625" style="3" customWidth="1"/>
    <col min="9487" max="9487" width="22.26953125" style="3" customWidth="1"/>
    <col min="9488" max="9488" width="4.26953125" style="3" customWidth="1"/>
    <col min="9489" max="9489" width="5.26953125" style="3" customWidth="1"/>
    <col min="9490" max="9729" width="8.08984375" style="3"/>
    <col min="9730" max="9730" width="4" style="3" customWidth="1"/>
    <col min="9731" max="9731" width="4.26953125" style="3" customWidth="1"/>
    <col min="9732" max="9732" width="12.26953125" style="3" customWidth="1"/>
    <col min="9733" max="9733" width="17.26953125" style="3" customWidth="1"/>
    <col min="9734" max="9734" width="8.36328125" style="3" customWidth="1"/>
    <col min="9735" max="9735" width="13" style="3" customWidth="1"/>
    <col min="9736" max="9736" width="2.36328125" style="3" customWidth="1"/>
    <col min="9737" max="9737" width="23.26953125" style="3" customWidth="1"/>
    <col min="9738" max="9742" width="8.7265625" style="3" customWidth="1"/>
    <col min="9743" max="9743" width="22.26953125" style="3" customWidth="1"/>
    <col min="9744" max="9744" width="4.26953125" style="3" customWidth="1"/>
    <col min="9745" max="9745" width="5.26953125" style="3" customWidth="1"/>
    <col min="9746" max="9985" width="8.08984375" style="3"/>
    <col min="9986" max="9986" width="4" style="3" customWidth="1"/>
    <col min="9987" max="9987" width="4.26953125" style="3" customWidth="1"/>
    <col min="9988" max="9988" width="12.26953125" style="3" customWidth="1"/>
    <col min="9989" max="9989" width="17.26953125" style="3" customWidth="1"/>
    <col min="9990" max="9990" width="8.36328125" style="3" customWidth="1"/>
    <col min="9991" max="9991" width="13" style="3" customWidth="1"/>
    <col min="9992" max="9992" width="2.36328125" style="3" customWidth="1"/>
    <col min="9993" max="9993" width="23.26953125" style="3" customWidth="1"/>
    <col min="9994" max="9998" width="8.7265625" style="3" customWidth="1"/>
    <col min="9999" max="9999" width="22.26953125" style="3" customWidth="1"/>
    <col min="10000" max="10000" width="4.26953125" style="3" customWidth="1"/>
    <col min="10001" max="10001" width="5.26953125" style="3" customWidth="1"/>
    <col min="10002" max="10241" width="8.08984375" style="3"/>
    <col min="10242" max="10242" width="4" style="3" customWidth="1"/>
    <col min="10243" max="10243" width="4.26953125" style="3" customWidth="1"/>
    <col min="10244" max="10244" width="12.26953125" style="3" customWidth="1"/>
    <col min="10245" max="10245" width="17.26953125" style="3" customWidth="1"/>
    <col min="10246" max="10246" width="8.36328125" style="3" customWidth="1"/>
    <col min="10247" max="10247" width="13" style="3" customWidth="1"/>
    <col min="10248" max="10248" width="2.36328125" style="3" customWidth="1"/>
    <col min="10249" max="10249" width="23.26953125" style="3" customWidth="1"/>
    <col min="10250" max="10254" width="8.7265625" style="3" customWidth="1"/>
    <col min="10255" max="10255" width="22.26953125" style="3" customWidth="1"/>
    <col min="10256" max="10256" width="4.26953125" style="3" customWidth="1"/>
    <col min="10257" max="10257" width="5.26953125" style="3" customWidth="1"/>
    <col min="10258" max="10497" width="8.08984375" style="3"/>
    <col min="10498" max="10498" width="4" style="3" customWidth="1"/>
    <col min="10499" max="10499" width="4.26953125" style="3" customWidth="1"/>
    <col min="10500" max="10500" width="12.26953125" style="3" customWidth="1"/>
    <col min="10501" max="10501" width="17.26953125" style="3" customWidth="1"/>
    <col min="10502" max="10502" width="8.36328125" style="3" customWidth="1"/>
    <col min="10503" max="10503" width="13" style="3" customWidth="1"/>
    <col min="10504" max="10504" width="2.36328125" style="3" customWidth="1"/>
    <col min="10505" max="10505" width="23.26953125" style="3" customWidth="1"/>
    <col min="10506" max="10510" width="8.7265625" style="3" customWidth="1"/>
    <col min="10511" max="10511" width="22.26953125" style="3" customWidth="1"/>
    <col min="10512" max="10512" width="4.26953125" style="3" customWidth="1"/>
    <col min="10513" max="10513" width="5.26953125" style="3" customWidth="1"/>
    <col min="10514" max="10753" width="8.08984375" style="3"/>
    <col min="10754" max="10754" width="4" style="3" customWidth="1"/>
    <col min="10755" max="10755" width="4.26953125" style="3" customWidth="1"/>
    <col min="10756" max="10756" width="12.26953125" style="3" customWidth="1"/>
    <col min="10757" max="10757" width="17.26953125" style="3" customWidth="1"/>
    <col min="10758" max="10758" width="8.36328125" style="3" customWidth="1"/>
    <col min="10759" max="10759" width="13" style="3" customWidth="1"/>
    <col min="10760" max="10760" width="2.36328125" style="3" customWidth="1"/>
    <col min="10761" max="10761" width="23.26953125" style="3" customWidth="1"/>
    <col min="10762" max="10766" width="8.7265625" style="3" customWidth="1"/>
    <col min="10767" max="10767" width="22.26953125" style="3" customWidth="1"/>
    <col min="10768" max="10768" width="4.26953125" style="3" customWidth="1"/>
    <col min="10769" max="10769" width="5.26953125" style="3" customWidth="1"/>
    <col min="10770" max="11009" width="8.08984375" style="3"/>
    <col min="11010" max="11010" width="4" style="3" customWidth="1"/>
    <col min="11011" max="11011" width="4.26953125" style="3" customWidth="1"/>
    <col min="11012" max="11012" width="12.26953125" style="3" customWidth="1"/>
    <col min="11013" max="11013" width="17.26953125" style="3" customWidth="1"/>
    <col min="11014" max="11014" width="8.36328125" style="3" customWidth="1"/>
    <col min="11015" max="11015" width="13" style="3" customWidth="1"/>
    <col min="11016" max="11016" width="2.36328125" style="3" customWidth="1"/>
    <col min="11017" max="11017" width="23.26953125" style="3" customWidth="1"/>
    <col min="11018" max="11022" width="8.7265625" style="3" customWidth="1"/>
    <col min="11023" max="11023" width="22.26953125" style="3" customWidth="1"/>
    <col min="11024" max="11024" width="4.26953125" style="3" customWidth="1"/>
    <col min="11025" max="11025" width="5.26953125" style="3" customWidth="1"/>
    <col min="11026" max="11265" width="8.08984375" style="3"/>
    <col min="11266" max="11266" width="4" style="3" customWidth="1"/>
    <col min="11267" max="11267" width="4.26953125" style="3" customWidth="1"/>
    <col min="11268" max="11268" width="12.26953125" style="3" customWidth="1"/>
    <col min="11269" max="11269" width="17.26953125" style="3" customWidth="1"/>
    <col min="11270" max="11270" width="8.36328125" style="3" customWidth="1"/>
    <col min="11271" max="11271" width="13" style="3" customWidth="1"/>
    <col min="11272" max="11272" width="2.36328125" style="3" customWidth="1"/>
    <col min="11273" max="11273" width="23.26953125" style="3" customWidth="1"/>
    <col min="11274" max="11278" width="8.7265625" style="3" customWidth="1"/>
    <col min="11279" max="11279" width="22.26953125" style="3" customWidth="1"/>
    <col min="11280" max="11280" width="4.26953125" style="3" customWidth="1"/>
    <col min="11281" max="11281" width="5.26953125" style="3" customWidth="1"/>
    <col min="11282" max="11521" width="8.08984375" style="3"/>
    <col min="11522" max="11522" width="4" style="3" customWidth="1"/>
    <col min="11523" max="11523" width="4.26953125" style="3" customWidth="1"/>
    <col min="11524" max="11524" width="12.26953125" style="3" customWidth="1"/>
    <col min="11525" max="11525" width="17.26953125" style="3" customWidth="1"/>
    <col min="11526" max="11526" width="8.36328125" style="3" customWidth="1"/>
    <col min="11527" max="11527" width="13" style="3" customWidth="1"/>
    <col min="11528" max="11528" width="2.36328125" style="3" customWidth="1"/>
    <col min="11529" max="11529" width="23.26953125" style="3" customWidth="1"/>
    <col min="11530" max="11534" width="8.7265625" style="3" customWidth="1"/>
    <col min="11535" max="11535" width="22.26953125" style="3" customWidth="1"/>
    <col min="11536" max="11536" width="4.26953125" style="3" customWidth="1"/>
    <col min="11537" max="11537" width="5.26953125" style="3" customWidth="1"/>
    <col min="11538" max="11777" width="8.08984375" style="3"/>
    <col min="11778" max="11778" width="4" style="3" customWidth="1"/>
    <col min="11779" max="11779" width="4.26953125" style="3" customWidth="1"/>
    <col min="11780" max="11780" width="12.26953125" style="3" customWidth="1"/>
    <col min="11781" max="11781" width="17.26953125" style="3" customWidth="1"/>
    <col min="11782" max="11782" width="8.36328125" style="3" customWidth="1"/>
    <col min="11783" max="11783" width="13" style="3" customWidth="1"/>
    <col min="11784" max="11784" width="2.36328125" style="3" customWidth="1"/>
    <col min="11785" max="11785" width="23.26953125" style="3" customWidth="1"/>
    <col min="11786" max="11790" width="8.7265625" style="3" customWidth="1"/>
    <col min="11791" max="11791" width="22.26953125" style="3" customWidth="1"/>
    <col min="11792" max="11792" width="4.26953125" style="3" customWidth="1"/>
    <col min="11793" max="11793" width="5.26953125" style="3" customWidth="1"/>
    <col min="11794" max="12033" width="8.08984375" style="3"/>
    <col min="12034" max="12034" width="4" style="3" customWidth="1"/>
    <col min="12035" max="12035" width="4.26953125" style="3" customWidth="1"/>
    <col min="12036" max="12036" width="12.26953125" style="3" customWidth="1"/>
    <col min="12037" max="12037" width="17.26953125" style="3" customWidth="1"/>
    <col min="12038" max="12038" width="8.36328125" style="3" customWidth="1"/>
    <col min="12039" max="12039" width="13" style="3" customWidth="1"/>
    <col min="12040" max="12040" width="2.36328125" style="3" customWidth="1"/>
    <col min="12041" max="12041" width="23.26953125" style="3" customWidth="1"/>
    <col min="12042" max="12046" width="8.7265625" style="3" customWidth="1"/>
    <col min="12047" max="12047" width="22.26953125" style="3" customWidth="1"/>
    <col min="12048" max="12048" width="4.26953125" style="3" customWidth="1"/>
    <col min="12049" max="12049" width="5.26953125" style="3" customWidth="1"/>
    <col min="12050" max="12289" width="8.08984375" style="3"/>
    <col min="12290" max="12290" width="4" style="3" customWidth="1"/>
    <col min="12291" max="12291" width="4.26953125" style="3" customWidth="1"/>
    <col min="12292" max="12292" width="12.26953125" style="3" customWidth="1"/>
    <col min="12293" max="12293" width="17.26953125" style="3" customWidth="1"/>
    <col min="12294" max="12294" width="8.36328125" style="3" customWidth="1"/>
    <col min="12295" max="12295" width="13" style="3" customWidth="1"/>
    <col min="12296" max="12296" width="2.36328125" style="3" customWidth="1"/>
    <col min="12297" max="12297" width="23.26953125" style="3" customWidth="1"/>
    <col min="12298" max="12302" width="8.7265625" style="3" customWidth="1"/>
    <col min="12303" max="12303" width="22.26953125" style="3" customWidth="1"/>
    <col min="12304" max="12304" width="4.26953125" style="3" customWidth="1"/>
    <col min="12305" max="12305" width="5.26953125" style="3" customWidth="1"/>
    <col min="12306" max="12545" width="8.08984375" style="3"/>
    <col min="12546" max="12546" width="4" style="3" customWidth="1"/>
    <col min="12547" max="12547" width="4.26953125" style="3" customWidth="1"/>
    <col min="12548" max="12548" width="12.26953125" style="3" customWidth="1"/>
    <col min="12549" max="12549" width="17.26953125" style="3" customWidth="1"/>
    <col min="12550" max="12550" width="8.36328125" style="3" customWidth="1"/>
    <col min="12551" max="12551" width="13" style="3" customWidth="1"/>
    <col min="12552" max="12552" width="2.36328125" style="3" customWidth="1"/>
    <col min="12553" max="12553" width="23.26953125" style="3" customWidth="1"/>
    <col min="12554" max="12558" width="8.7265625" style="3" customWidth="1"/>
    <col min="12559" max="12559" width="22.26953125" style="3" customWidth="1"/>
    <col min="12560" max="12560" width="4.26953125" style="3" customWidth="1"/>
    <col min="12561" max="12561" width="5.26953125" style="3" customWidth="1"/>
    <col min="12562" max="12801" width="8.08984375" style="3"/>
    <col min="12802" max="12802" width="4" style="3" customWidth="1"/>
    <col min="12803" max="12803" width="4.26953125" style="3" customWidth="1"/>
    <col min="12804" max="12804" width="12.26953125" style="3" customWidth="1"/>
    <col min="12805" max="12805" width="17.26953125" style="3" customWidth="1"/>
    <col min="12806" max="12806" width="8.36328125" style="3" customWidth="1"/>
    <col min="12807" max="12807" width="13" style="3" customWidth="1"/>
    <col min="12808" max="12808" width="2.36328125" style="3" customWidth="1"/>
    <col min="12809" max="12809" width="23.26953125" style="3" customWidth="1"/>
    <col min="12810" max="12814" width="8.7265625" style="3" customWidth="1"/>
    <col min="12815" max="12815" width="22.26953125" style="3" customWidth="1"/>
    <col min="12816" max="12816" width="4.26953125" style="3" customWidth="1"/>
    <col min="12817" max="12817" width="5.26953125" style="3" customWidth="1"/>
    <col min="12818" max="13057" width="8.08984375" style="3"/>
    <col min="13058" max="13058" width="4" style="3" customWidth="1"/>
    <col min="13059" max="13059" width="4.26953125" style="3" customWidth="1"/>
    <col min="13060" max="13060" width="12.26953125" style="3" customWidth="1"/>
    <col min="13061" max="13061" width="17.26953125" style="3" customWidth="1"/>
    <col min="13062" max="13062" width="8.36328125" style="3" customWidth="1"/>
    <col min="13063" max="13063" width="13" style="3" customWidth="1"/>
    <col min="13064" max="13064" width="2.36328125" style="3" customWidth="1"/>
    <col min="13065" max="13065" width="23.26953125" style="3" customWidth="1"/>
    <col min="13066" max="13070" width="8.7265625" style="3" customWidth="1"/>
    <col min="13071" max="13071" width="22.26953125" style="3" customWidth="1"/>
    <col min="13072" max="13072" width="4.26953125" style="3" customWidth="1"/>
    <col min="13073" max="13073" width="5.26953125" style="3" customWidth="1"/>
    <col min="13074" max="13313" width="8.08984375" style="3"/>
    <col min="13314" max="13314" width="4" style="3" customWidth="1"/>
    <col min="13315" max="13315" width="4.26953125" style="3" customWidth="1"/>
    <col min="13316" max="13316" width="12.26953125" style="3" customWidth="1"/>
    <col min="13317" max="13317" width="17.26953125" style="3" customWidth="1"/>
    <col min="13318" max="13318" width="8.36328125" style="3" customWidth="1"/>
    <col min="13319" max="13319" width="13" style="3" customWidth="1"/>
    <col min="13320" max="13320" width="2.36328125" style="3" customWidth="1"/>
    <col min="13321" max="13321" width="23.26953125" style="3" customWidth="1"/>
    <col min="13322" max="13326" width="8.7265625" style="3" customWidth="1"/>
    <col min="13327" max="13327" width="22.26953125" style="3" customWidth="1"/>
    <col min="13328" max="13328" width="4.26953125" style="3" customWidth="1"/>
    <col min="13329" max="13329" width="5.26953125" style="3" customWidth="1"/>
    <col min="13330" max="13569" width="8.08984375" style="3"/>
    <col min="13570" max="13570" width="4" style="3" customWidth="1"/>
    <col min="13571" max="13571" width="4.26953125" style="3" customWidth="1"/>
    <col min="13572" max="13572" width="12.26953125" style="3" customWidth="1"/>
    <col min="13573" max="13573" width="17.26953125" style="3" customWidth="1"/>
    <col min="13574" max="13574" width="8.36328125" style="3" customWidth="1"/>
    <col min="13575" max="13575" width="13" style="3" customWidth="1"/>
    <col min="13576" max="13576" width="2.36328125" style="3" customWidth="1"/>
    <col min="13577" max="13577" width="23.26953125" style="3" customWidth="1"/>
    <col min="13578" max="13582" width="8.7265625" style="3" customWidth="1"/>
    <col min="13583" max="13583" width="22.26953125" style="3" customWidth="1"/>
    <col min="13584" max="13584" width="4.26953125" style="3" customWidth="1"/>
    <col min="13585" max="13585" width="5.26953125" style="3" customWidth="1"/>
    <col min="13586" max="13825" width="8.08984375" style="3"/>
    <col min="13826" max="13826" width="4" style="3" customWidth="1"/>
    <col min="13827" max="13827" width="4.26953125" style="3" customWidth="1"/>
    <col min="13828" max="13828" width="12.26953125" style="3" customWidth="1"/>
    <col min="13829" max="13829" width="17.26953125" style="3" customWidth="1"/>
    <col min="13830" max="13830" width="8.36328125" style="3" customWidth="1"/>
    <col min="13831" max="13831" width="13" style="3" customWidth="1"/>
    <col min="13832" max="13832" width="2.36328125" style="3" customWidth="1"/>
    <col min="13833" max="13833" width="23.26953125" style="3" customWidth="1"/>
    <col min="13834" max="13838" width="8.7265625" style="3" customWidth="1"/>
    <col min="13839" max="13839" width="22.26953125" style="3" customWidth="1"/>
    <col min="13840" max="13840" width="4.26953125" style="3" customWidth="1"/>
    <col min="13841" max="13841" width="5.26953125" style="3" customWidth="1"/>
    <col min="13842" max="14081" width="8.08984375" style="3"/>
    <col min="14082" max="14082" width="4" style="3" customWidth="1"/>
    <col min="14083" max="14083" width="4.26953125" style="3" customWidth="1"/>
    <col min="14084" max="14084" width="12.26953125" style="3" customWidth="1"/>
    <col min="14085" max="14085" width="17.26953125" style="3" customWidth="1"/>
    <col min="14086" max="14086" width="8.36328125" style="3" customWidth="1"/>
    <col min="14087" max="14087" width="13" style="3" customWidth="1"/>
    <col min="14088" max="14088" width="2.36328125" style="3" customWidth="1"/>
    <col min="14089" max="14089" width="23.26953125" style="3" customWidth="1"/>
    <col min="14090" max="14094" width="8.7265625" style="3" customWidth="1"/>
    <col min="14095" max="14095" width="22.26953125" style="3" customWidth="1"/>
    <col min="14096" max="14096" width="4.26953125" style="3" customWidth="1"/>
    <col min="14097" max="14097" width="5.26953125" style="3" customWidth="1"/>
    <col min="14098" max="14337" width="8.08984375" style="3"/>
    <col min="14338" max="14338" width="4" style="3" customWidth="1"/>
    <col min="14339" max="14339" width="4.26953125" style="3" customWidth="1"/>
    <col min="14340" max="14340" width="12.26953125" style="3" customWidth="1"/>
    <col min="14341" max="14341" width="17.26953125" style="3" customWidth="1"/>
    <col min="14342" max="14342" width="8.36328125" style="3" customWidth="1"/>
    <col min="14343" max="14343" width="13" style="3" customWidth="1"/>
    <col min="14344" max="14344" width="2.36328125" style="3" customWidth="1"/>
    <col min="14345" max="14345" width="23.26953125" style="3" customWidth="1"/>
    <col min="14346" max="14350" width="8.7265625" style="3" customWidth="1"/>
    <col min="14351" max="14351" width="22.26953125" style="3" customWidth="1"/>
    <col min="14352" max="14352" width="4.26953125" style="3" customWidth="1"/>
    <col min="14353" max="14353" width="5.26953125" style="3" customWidth="1"/>
    <col min="14354" max="14593" width="8.08984375" style="3"/>
    <col min="14594" max="14594" width="4" style="3" customWidth="1"/>
    <col min="14595" max="14595" width="4.26953125" style="3" customWidth="1"/>
    <col min="14596" max="14596" width="12.26953125" style="3" customWidth="1"/>
    <col min="14597" max="14597" width="17.26953125" style="3" customWidth="1"/>
    <col min="14598" max="14598" width="8.36328125" style="3" customWidth="1"/>
    <col min="14599" max="14599" width="13" style="3" customWidth="1"/>
    <col min="14600" max="14600" width="2.36328125" style="3" customWidth="1"/>
    <col min="14601" max="14601" width="23.26953125" style="3" customWidth="1"/>
    <col min="14602" max="14606" width="8.7265625" style="3" customWidth="1"/>
    <col min="14607" max="14607" width="22.26953125" style="3" customWidth="1"/>
    <col min="14608" max="14608" width="4.26953125" style="3" customWidth="1"/>
    <col min="14609" max="14609" width="5.26953125" style="3" customWidth="1"/>
    <col min="14610" max="14849" width="8.08984375" style="3"/>
    <col min="14850" max="14850" width="4" style="3" customWidth="1"/>
    <col min="14851" max="14851" width="4.26953125" style="3" customWidth="1"/>
    <col min="14852" max="14852" width="12.26953125" style="3" customWidth="1"/>
    <col min="14853" max="14853" width="17.26953125" style="3" customWidth="1"/>
    <col min="14854" max="14854" width="8.36328125" style="3" customWidth="1"/>
    <col min="14855" max="14855" width="13" style="3" customWidth="1"/>
    <col min="14856" max="14856" width="2.36328125" style="3" customWidth="1"/>
    <col min="14857" max="14857" width="23.26953125" style="3" customWidth="1"/>
    <col min="14858" max="14862" width="8.7265625" style="3" customWidth="1"/>
    <col min="14863" max="14863" width="22.26953125" style="3" customWidth="1"/>
    <col min="14864" max="14864" width="4.26953125" style="3" customWidth="1"/>
    <col min="14865" max="14865" width="5.26953125" style="3" customWidth="1"/>
    <col min="14866" max="15105" width="8.08984375" style="3"/>
    <col min="15106" max="15106" width="4" style="3" customWidth="1"/>
    <col min="15107" max="15107" width="4.26953125" style="3" customWidth="1"/>
    <col min="15108" max="15108" width="12.26953125" style="3" customWidth="1"/>
    <col min="15109" max="15109" width="17.26953125" style="3" customWidth="1"/>
    <col min="15110" max="15110" width="8.36328125" style="3" customWidth="1"/>
    <col min="15111" max="15111" width="13" style="3" customWidth="1"/>
    <col min="15112" max="15112" width="2.36328125" style="3" customWidth="1"/>
    <col min="15113" max="15113" width="23.26953125" style="3" customWidth="1"/>
    <col min="15114" max="15118" width="8.7265625" style="3" customWidth="1"/>
    <col min="15119" max="15119" width="22.26953125" style="3" customWidth="1"/>
    <col min="15120" max="15120" width="4.26953125" style="3" customWidth="1"/>
    <col min="15121" max="15121" width="5.26953125" style="3" customWidth="1"/>
    <col min="15122" max="15361" width="8.08984375" style="3"/>
    <col min="15362" max="15362" width="4" style="3" customWidth="1"/>
    <col min="15363" max="15363" width="4.26953125" style="3" customWidth="1"/>
    <col min="15364" max="15364" width="12.26953125" style="3" customWidth="1"/>
    <col min="15365" max="15365" width="17.26953125" style="3" customWidth="1"/>
    <col min="15366" max="15366" width="8.36328125" style="3" customWidth="1"/>
    <col min="15367" max="15367" width="13" style="3" customWidth="1"/>
    <col min="15368" max="15368" width="2.36328125" style="3" customWidth="1"/>
    <col min="15369" max="15369" width="23.26953125" style="3" customWidth="1"/>
    <col min="15370" max="15374" width="8.7265625" style="3" customWidth="1"/>
    <col min="15375" max="15375" width="22.26953125" style="3" customWidth="1"/>
    <col min="15376" max="15376" width="4.26953125" style="3" customWidth="1"/>
    <col min="15377" max="15377" width="5.26953125" style="3" customWidth="1"/>
    <col min="15378" max="15617" width="8.08984375" style="3"/>
    <col min="15618" max="15618" width="4" style="3" customWidth="1"/>
    <col min="15619" max="15619" width="4.26953125" style="3" customWidth="1"/>
    <col min="15620" max="15620" width="12.26953125" style="3" customWidth="1"/>
    <col min="15621" max="15621" width="17.26953125" style="3" customWidth="1"/>
    <col min="15622" max="15622" width="8.36328125" style="3" customWidth="1"/>
    <col min="15623" max="15623" width="13" style="3" customWidth="1"/>
    <col min="15624" max="15624" width="2.36328125" style="3" customWidth="1"/>
    <col min="15625" max="15625" width="23.26953125" style="3" customWidth="1"/>
    <col min="15626" max="15630" width="8.7265625" style="3" customWidth="1"/>
    <col min="15631" max="15631" width="22.26953125" style="3" customWidth="1"/>
    <col min="15632" max="15632" width="4.26953125" style="3" customWidth="1"/>
    <col min="15633" max="15633" width="5.26953125" style="3" customWidth="1"/>
    <col min="15634" max="15873" width="8.08984375" style="3"/>
    <col min="15874" max="15874" width="4" style="3" customWidth="1"/>
    <col min="15875" max="15875" width="4.26953125" style="3" customWidth="1"/>
    <col min="15876" max="15876" width="12.26953125" style="3" customWidth="1"/>
    <col min="15877" max="15877" width="17.26953125" style="3" customWidth="1"/>
    <col min="15878" max="15878" width="8.36328125" style="3" customWidth="1"/>
    <col min="15879" max="15879" width="13" style="3" customWidth="1"/>
    <col min="15880" max="15880" width="2.36328125" style="3" customWidth="1"/>
    <col min="15881" max="15881" width="23.26953125" style="3" customWidth="1"/>
    <col min="15882" max="15886" width="8.7265625" style="3" customWidth="1"/>
    <col min="15887" max="15887" width="22.26953125" style="3" customWidth="1"/>
    <col min="15888" max="15888" width="4.26953125" style="3" customWidth="1"/>
    <col min="15889" max="15889" width="5.26953125" style="3" customWidth="1"/>
    <col min="15890" max="16129" width="8.08984375" style="3"/>
    <col min="16130" max="16130" width="4" style="3" customWidth="1"/>
    <col min="16131" max="16131" width="4.26953125" style="3" customWidth="1"/>
    <col min="16132" max="16132" width="12.26953125" style="3" customWidth="1"/>
    <col min="16133" max="16133" width="17.26953125" style="3" customWidth="1"/>
    <col min="16134" max="16134" width="8.36328125" style="3" customWidth="1"/>
    <col min="16135" max="16135" width="13" style="3" customWidth="1"/>
    <col min="16136" max="16136" width="2.36328125" style="3" customWidth="1"/>
    <col min="16137" max="16137" width="23.26953125" style="3" customWidth="1"/>
    <col min="16138" max="16142" width="8.7265625" style="3" customWidth="1"/>
    <col min="16143" max="16143" width="22.26953125" style="3" customWidth="1"/>
    <col min="16144" max="16144" width="4.26953125" style="3" customWidth="1"/>
    <col min="16145" max="16145" width="5.26953125" style="3" customWidth="1"/>
    <col min="16146" max="16384" width="8.08984375" style="3"/>
  </cols>
  <sheetData>
    <row r="1" spans="1:15" ht="33" customHeight="1">
      <c r="A1" s="30" t="s">
        <v>160</v>
      </c>
      <c r="B1" s="30"/>
      <c r="C1" s="31"/>
      <c r="D1" s="31"/>
      <c r="E1" s="31"/>
      <c r="F1" s="31"/>
      <c r="G1" s="31"/>
      <c r="H1" s="31"/>
      <c r="I1" s="31"/>
      <c r="J1" s="31"/>
      <c r="K1" s="23"/>
      <c r="L1" s="32"/>
      <c r="M1" s="32"/>
      <c r="N1" s="32"/>
      <c r="O1" s="32"/>
    </row>
    <row r="2" spans="1:15" ht="18" customHeight="1">
      <c r="L2" s="4"/>
      <c r="M2" s="4"/>
      <c r="N2" s="4"/>
      <c r="O2" s="5"/>
    </row>
    <row r="3" spans="1:15" ht="80.25" customHeight="1">
      <c r="A3" s="24" t="s">
        <v>137</v>
      </c>
      <c r="B3" s="25" t="s">
        <v>138</v>
      </c>
      <c r="C3" s="25" t="s">
        <v>139</v>
      </c>
      <c r="D3" s="25" t="s">
        <v>161</v>
      </c>
      <c r="E3" s="24" t="s">
        <v>140</v>
      </c>
      <c r="F3" s="35" t="s">
        <v>136</v>
      </c>
      <c r="G3" s="36"/>
      <c r="H3" s="26" t="s">
        <v>141</v>
      </c>
      <c r="I3" s="27" t="s">
        <v>142</v>
      </c>
      <c r="J3" s="27" t="s">
        <v>143</v>
      </c>
      <c r="K3" s="27" t="s">
        <v>144</v>
      </c>
      <c r="L3" s="27" t="s">
        <v>145</v>
      </c>
      <c r="M3" s="27" t="s">
        <v>146</v>
      </c>
      <c r="N3" s="27" t="s">
        <v>147</v>
      </c>
      <c r="O3" s="27" t="s">
        <v>148</v>
      </c>
    </row>
    <row r="4" spans="1:15" ht="112.5" customHeight="1">
      <c r="A4" s="14" t="s">
        <v>149</v>
      </c>
      <c r="B4" s="15" t="s">
        <v>155</v>
      </c>
      <c r="C4" s="16" t="s">
        <v>150</v>
      </c>
      <c r="D4" s="16" t="s">
        <v>162</v>
      </c>
      <c r="E4" s="17" t="s">
        <v>151</v>
      </c>
      <c r="F4" s="37" t="s">
        <v>152</v>
      </c>
      <c r="G4" s="38"/>
      <c r="H4" s="18" t="s">
        <v>153</v>
      </c>
      <c r="I4" s="19">
        <v>2500</v>
      </c>
      <c r="J4" s="19">
        <v>1250</v>
      </c>
      <c r="K4" s="20">
        <f>J4/I4</f>
        <v>0.5</v>
      </c>
      <c r="L4" s="21" t="s">
        <v>154</v>
      </c>
      <c r="M4" s="21" t="s">
        <v>157</v>
      </c>
      <c r="N4" s="21"/>
      <c r="O4" s="22"/>
    </row>
    <row r="5" spans="1:15" ht="90" customHeight="1">
      <c r="A5" s="6">
        <v>1</v>
      </c>
      <c r="B5" s="28"/>
      <c r="C5" s="7"/>
      <c r="D5" s="7"/>
      <c r="E5" s="8"/>
      <c r="F5" s="33"/>
      <c r="G5" s="34"/>
      <c r="H5" s="9"/>
      <c r="I5" s="10"/>
      <c r="J5" s="10"/>
      <c r="K5" s="11" t="e">
        <f t="shared" ref="K5:K10" si="0">J5/I5</f>
        <v>#DIV/0!</v>
      </c>
      <c r="L5" s="12"/>
      <c r="M5" s="29"/>
      <c r="N5" s="12"/>
      <c r="O5" s="13"/>
    </row>
    <row r="6" spans="1:15" ht="90" customHeight="1">
      <c r="A6" s="6">
        <v>2</v>
      </c>
      <c r="B6" s="28"/>
      <c r="C6" s="7"/>
      <c r="D6" s="7"/>
      <c r="E6" s="8"/>
      <c r="F6" s="33"/>
      <c r="G6" s="34"/>
      <c r="H6" s="9"/>
      <c r="I6" s="10"/>
      <c r="J6" s="10"/>
      <c r="K6" s="11" t="e">
        <f t="shared" si="0"/>
        <v>#DIV/0!</v>
      </c>
      <c r="L6" s="12"/>
      <c r="M6" s="29"/>
      <c r="N6" s="12"/>
      <c r="O6" s="13"/>
    </row>
    <row r="7" spans="1:15" ht="90" customHeight="1">
      <c r="A7" s="6">
        <v>3</v>
      </c>
      <c r="B7" s="28"/>
      <c r="C7" s="7"/>
      <c r="D7" s="7"/>
      <c r="E7" s="8"/>
      <c r="F7" s="33"/>
      <c r="G7" s="34"/>
      <c r="H7" s="9"/>
      <c r="I7" s="10"/>
      <c r="J7" s="10"/>
      <c r="K7" s="11" t="e">
        <f t="shared" si="0"/>
        <v>#DIV/0!</v>
      </c>
      <c r="L7" s="12"/>
      <c r="M7" s="29"/>
      <c r="N7" s="12"/>
      <c r="O7" s="13"/>
    </row>
    <row r="8" spans="1:15" ht="90" customHeight="1">
      <c r="A8" s="6">
        <v>4</v>
      </c>
      <c r="B8" s="28"/>
      <c r="C8" s="7"/>
      <c r="D8" s="7"/>
      <c r="E8" s="8"/>
      <c r="F8" s="33"/>
      <c r="G8" s="34"/>
      <c r="H8" s="9"/>
      <c r="I8" s="10"/>
      <c r="J8" s="10"/>
      <c r="K8" s="11" t="e">
        <f t="shared" si="0"/>
        <v>#DIV/0!</v>
      </c>
      <c r="L8" s="12"/>
      <c r="M8" s="29"/>
      <c r="N8" s="12"/>
      <c r="O8" s="13"/>
    </row>
    <row r="9" spans="1:15" ht="90" customHeight="1">
      <c r="A9" s="6">
        <v>5</v>
      </c>
      <c r="B9" s="28"/>
      <c r="C9" s="7"/>
      <c r="D9" s="7"/>
      <c r="E9" s="8"/>
      <c r="F9" s="33"/>
      <c r="G9" s="34"/>
      <c r="H9" s="9"/>
      <c r="I9" s="10"/>
      <c r="J9" s="10"/>
      <c r="K9" s="11" t="e">
        <f t="shared" si="0"/>
        <v>#DIV/0!</v>
      </c>
      <c r="L9" s="12"/>
      <c r="M9" s="29"/>
      <c r="N9" s="12"/>
      <c r="O9" s="13"/>
    </row>
    <row r="10" spans="1:15" ht="90" customHeight="1">
      <c r="A10" s="6">
        <v>6</v>
      </c>
      <c r="B10" s="28"/>
      <c r="C10" s="7"/>
      <c r="D10" s="7"/>
      <c r="E10" s="8"/>
      <c r="F10" s="33"/>
      <c r="G10" s="34"/>
      <c r="H10" s="9"/>
      <c r="I10" s="10"/>
      <c r="J10" s="10"/>
      <c r="K10" s="11" t="e">
        <f t="shared" si="0"/>
        <v>#DIV/0!</v>
      </c>
      <c r="L10" s="12"/>
      <c r="M10" s="29"/>
      <c r="N10" s="12"/>
      <c r="O10" s="13"/>
    </row>
    <row r="11" spans="1:15" ht="80.25" customHeight="1"/>
    <row r="12" spans="1:15" ht="80.25" customHeight="1"/>
    <row r="13" spans="1:15" ht="80.25" customHeight="1"/>
    <row r="14" spans="1:15" ht="80.25" customHeight="1"/>
    <row r="15" spans="1:15" ht="15"/>
  </sheetData>
  <mergeCells count="10">
    <mergeCell ref="A1:J1"/>
    <mergeCell ref="L1:O1"/>
    <mergeCell ref="F8:G8"/>
    <mergeCell ref="F9:G9"/>
    <mergeCell ref="F10:G10"/>
    <mergeCell ref="F3:G3"/>
    <mergeCell ref="F4:G4"/>
    <mergeCell ref="F5:G5"/>
    <mergeCell ref="F6:G6"/>
    <mergeCell ref="F7:G7"/>
  </mergeCells>
  <phoneticPr fontId="2"/>
  <pageMargins left="0.7" right="0.7" top="0.75" bottom="0.75" header="0.3" footer="0.3"/>
  <drawing r:id="rId1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0D5022A8-7D32-4C83-8B3A-6F879D39B7BF}">
          <x14:formula1>
            <xm:f>リスト!$B$18:$B$20</xm:f>
          </x14:formula1>
          <xm:sqref>M4:M10</xm:sqref>
        </x14:dataValidation>
        <x14:dataValidation type="list" allowBlank="1" showInputMessage="1" showErrorMessage="1" xr:uid="{40E1C68B-3C5F-4289-BB43-4CE8B15DCCA6}">
          <x14:formula1>
            <xm:f>リスト!$B$3:$B$13</xm:f>
          </x14:formula1>
          <xm:sqref>B4 B6:B10</xm:sqref>
        </x14:dataValidation>
        <x14:dataValidation type="list" allowBlank="1" showInputMessage="1" showErrorMessage="1" xr:uid="{2075A4CE-1BFD-4A31-A137-6D01048A0371}">
          <x14:formula1>
            <xm:f>リスト!$B$3:$B$12</xm:f>
          </x14:formula1>
          <xm:sqref>B5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907602-11BA-4B7B-B9BD-AB9181742E25}">
  <dimension ref="A3:Z41"/>
  <sheetViews>
    <sheetView workbookViewId="0">
      <selection activeCell="B11" sqref="B11"/>
    </sheetView>
  </sheetViews>
  <sheetFormatPr defaultColWidth="9" defaultRowHeight="13"/>
  <cols>
    <col min="1" max="1" width="9" style="1"/>
    <col min="2" max="2" width="42.08984375" style="1" customWidth="1"/>
    <col min="3" max="4" width="9" style="1"/>
    <col min="5" max="8" width="15.08984375" style="1" customWidth="1"/>
    <col min="9" max="9" width="30.08984375" style="1" customWidth="1"/>
    <col min="10" max="13" width="15.08984375" style="1" customWidth="1"/>
    <col min="14" max="14" width="21.453125" style="1" customWidth="1"/>
    <col min="15" max="26" width="15.08984375" style="1" customWidth="1"/>
    <col min="27" max="16384" width="9" style="1"/>
  </cols>
  <sheetData>
    <row r="3" spans="1:24">
      <c r="A3" s="1" t="s">
        <v>0</v>
      </c>
      <c r="B3" s="1" t="s">
        <v>163</v>
      </c>
      <c r="E3" s="2" t="s">
        <v>118</v>
      </c>
      <c r="F3" s="2" t="s">
        <v>1</v>
      </c>
      <c r="G3" s="2" t="s">
        <v>119</v>
      </c>
      <c r="H3" s="2" t="s">
        <v>127</v>
      </c>
      <c r="I3" s="2" t="s">
        <v>4</v>
      </c>
      <c r="J3" s="2" t="s">
        <v>128</v>
      </c>
      <c r="K3" s="2" t="s">
        <v>129</v>
      </c>
      <c r="L3" s="2" t="s">
        <v>120</v>
      </c>
      <c r="M3" s="2" t="s">
        <v>130</v>
      </c>
      <c r="N3" s="2" t="s">
        <v>131</v>
      </c>
      <c r="O3" s="2" t="s">
        <v>121</v>
      </c>
      <c r="P3" s="2" t="s">
        <v>122</v>
      </c>
      <c r="Q3" s="2" t="s">
        <v>123</v>
      </c>
      <c r="R3" s="2" t="s">
        <v>124</v>
      </c>
      <c r="S3" s="2" t="s">
        <v>125</v>
      </c>
      <c r="T3" s="2" t="s">
        <v>126</v>
      </c>
      <c r="U3" s="2" t="s">
        <v>132</v>
      </c>
      <c r="V3" s="2" t="s">
        <v>133</v>
      </c>
      <c r="W3" s="2" t="s">
        <v>134</v>
      </c>
      <c r="X3" s="2" t="s">
        <v>135</v>
      </c>
    </row>
    <row r="4" spans="1:24">
      <c r="B4" s="1" t="s">
        <v>165</v>
      </c>
      <c r="E4" s="1" t="s">
        <v>19</v>
      </c>
      <c r="F4" s="1" t="s">
        <v>21</v>
      </c>
      <c r="G4" s="1" t="s">
        <v>119</v>
      </c>
      <c r="H4" s="1" t="s">
        <v>23</v>
      </c>
      <c r="I4" s="1" t="s">
        <v>26</v>
      </c>
      <c r="J4" s="1" t="s">
        <v>50</v>
      </c>
      <c r="K4" s="1" t="s">
        <v>54</v>
      </c>
      <c r="L4" s="1" t="s">
        <v>59</v>
      </c>
      <c r="M4" s="1" t="s">
        <v>67</v>
      </c>
      <c r="N4" s="1" t="s">
        <v>79</v>
      </c>
      <c r="O4" s="1" t="s">
        <v>85</v>
      </c>
      <c r="P4" s="1" t="s">
        <v>88</v>
      </c>
      <c r="Q4" s="1" t="s">
        <v>92</v>
      </c>
      <c r="R4" s="1" t="s">
        <v>95</v>
      </c>
      <c r="S4" s="1" t="s">
        <v>98</v>
      </c>
      <c r="T4" s="1" t="s">
        <v>100</v>
      </c>
      <c r="U4" s="1" t="s">
        <v>103</v>
      </c>
      <c r="V4" s="1" t="s">
        <v>105</v>
      </c>
      <c r="W4" s="1" t="s">
        <v>114</v>
      </c>
      <c r="X4" s="1" t="s">
        <v>18</v>
      </c>
    </row>
    <row r="5" spans="1:24">
      <c r="B5" s="1" t="s">
        <v>171</v>
      </c>
      <c r="E5" s="1" t="s">
        <v>20</v>
      </c>
      <c r="F5" s="1" t="s">
        <v>22</v>
      </c>
      <c r="H5" s="1" t="s">
        <v>24</v>
      </c>
      <c r="I5" s="1" t="s">
        <v>27</v>
      </c>
      <c r="J5" s="1" t="s">
        <v>51</v>
      </c>
      <c r="K5" s="1" t="s">
        <v>55</v>
      </c>
      <c r="L5" s="1" t="s">
        <v>60</v>
      </c>
      <c r="M5" s="1" t="s">
        <v>68</v>
      </c>
      <c r="N5" s="1" t="s">
        <v>80</v>
      </c>
      <c r="O5" s="1" t="s">
        <v>86</v>
      </c>
      <c r="P5" s="1" t="s">
        <v>89</v>
      </c>
      <c r="Q5" s="1" t="s">
        <v>93</v>
      </c>
      <c r="R5" s="1" t="s">
        <v>96</v>
      </c>
      <c r="S5" s="1" t="s">
        <v>99</v>
      </c>
      <c r="T5" s="1" t="s">
        <v>101</v>
      </c>
      <c r="U5" s="1" t="s">
        <v>104</v>
      </c>
      <c r="V5" s="1" t="s">
        <v>106</v>
      </c>
      <c r="W5" s="1" t="s">
        <v>115</v>
      </c>
    </row>
    <row r="6" spans="1:24">
      <c r="B6" s="1" t="s">
        <v>166</v>
      </c>
      <c r="H6" s="1" t="s">
        <v>25</v>
      </c>
      <c r="I6" s="1" t="s">
        <v>28</v>
      </c>
      <c r="J6" s="1" t="s">
        <v>52</v>
      </c>
      <c r="K6" s="1" t="s">
        <v>56</v>
      </c>
      <c r="L6" s="1" t="s">
        <v>61</v>
      </c>
      <c r="M6" s="1" t="s">
        <v>69</v>
      </c>
      <c r="N6" s="1" t="s">
        <v>81</v>
      </c>
      <c r="O6" s="1" t="s">
        <v>87</v>
      </c>
      <c r="P6" s="1" t="s">
        <v>90</v>
      </c>
      <c r="Q6" s="1" t="s">
        <v>94</v>
      </c>
      <c r="R6" s="1" t="s">
        <v>97</v>
      </c>
      <c r="T6" s="1" t="s">
        <v>102</v>
      </c>
      <c r="V6" s="1" t="s">
        <v>107</v>
      </c>
    </row>
    <row r="7" spans="1:24">
      <c r="B7" s="1" t="s">
        <v>167</v>
      </c>
      <c r="I7" s="1" t="s">
        <v>29</v>
      </c>
      <c r="J7" s="1" t="s">
        <v>53</v>
      </c>
      <c r="K7" s="1" t="s">
        <v>57</v>
      </c>
      <c r="L7" s="1" t="s">
        <v>62</v>
      </c>
      <c r="M7" s="1" t="s">
        <v>70</v>
      </c>
      <c r="N7" s="1" t="s">
        <v>82</v>
      </c>
      <c r="P7" s="1" t="s">
        <v>91</v>
      </c>
      <c r="V7" s="1" t="s">
        <v>108</v>
      </c>
    </row>
    <row r="8" spans="1:24">
      <c r="B8" s="1" t="s">
        <v>169</v>
      </c>
      <c r="I8" s="1" t="s">
        <v>30</v>
      </c>
      <c r="K8" s="1" t="s">
        <v>58</v>
      </c>
      <c r="L8" s="1" t="s">
        <v>63</v>
      </c>
      <c r="M8" s="1" t="s">
        <v>71</v>
      </c>
      <c r="N8" s="1" t="s">
        <v>83</v>
      </c>
      <c r="V8" s="1" t="s">
        <v>109</v>
      </c>
    </row>
    <row r="9" spans="1:24">
      <c r="B9" s="1" t="s">
        <v>168</v>
      </c>
      <c r="I9" s="1" t="s">
        <v>31</v>
      </c>
      <c r="L9" s="1" t="s">
        <v>64</v>
      </c>
      <c r="M9" s="1" t="s">
        <v>72</v>
      </c>
      <c r="N9" s="1" t="s">
        <v>84</v>
      </c>
      <c r="V9" s="1" t="s">
        <v>110</v>
      </c>
    </row>
    <row r="10" spans="1:24">
      <c r="B10" s="1" t="s">
        <v>170</v>
      </c>
      <c r="I10" s="1" t="s">
        <v>32</v>
      </c>
      <c r="L10" s="1" t="s">
        <v>65</v>
      </c>
      <c r="M10" s="1" t="s">
        <v>73</v>
      </c>
      <c r="V10" s="1" t="s">
        <v>111</v>
      </c>
    </row>
    <row r="11" spans="1:24">
      <c r="B11" s="1" t="s">
        <v>156</v>
      </c>
      <c r="I11" s="1" t="s">
        <v>33</v>
      </c>
      <c r="L11" s="1" t="s">
        <v>66</v>
      </c>
      <c r="M11" s="1" t="s">
        <v>74</v>
      </c>
      <c r="V11" s="1" t="s">
        <v>112</v>
      </c>
    </row>
    <row r="12" spans="1:24">
      <c r="B12" s="1" t="s">
        <v>164</v>
      </c>
      <c r="I12" s="1" t="s">
        <v>34</v>
      </c>
      <c r="M12" s="1" t="s">
        <v>75</v>
      </c>
      <c r="V12" s="1" t="s">
        <v>113</v>
      </c>
    </row>
    <row r="13" spans="1:24">
      <c r="I13" s="1" t="s">
        <v>35</v>
      </c>
      <c r="M13" s="1" t="s">
        <v>76</v>
      </c>
    </row>
    <row r="14" spans="1:24">
      <c r="I14" s="1" t="s">
        <v>36</v>
      </c>
      <c r="M14" s="1" t="s">
        <v>77</v>
      </c>
    </row>
    <row r="15" spans="1:24">
      <c r="I15" s="1" t="s">
        <v>37</v>
      </c>
      <c r="M15" s="1" t="s">
        <v>78</v>
      </c>
    </row>
    <row r="16" spans="1:24">
      <c r="I16" s="1" t="s">
        <v>38</v>
      </c>
    </row>
    <row r="17" spans="2:9">
      <c r="I17" s="1" t="s">
        <v>39</v>
      </c>
    </row>
    <row r="18" spans="2:9">
      <c r="B18" s="1" t="s">
        <v>157</v>
      </c>
      <c r="I18" s="1" t="s">
        <v>40</v>
      </c>
    </row>
    <row r="19" spans="2:9">
      <c r="B19" s="1" t="s">
        <v>158</v>
      </c>
      <c r="I19" s="1" t="s">
        <v>41</v>
      </c>
    </row>
    <row r="20" spans="2:9">
      <c r="B20" s="1" t="s">
        <v>159</v>
      </c>
      <c r="I20" s="1" t="s">
        <v>42</v>
      </c>
    </row>
    <row r="21" spans="2:9">
      <c r="I21" s="1" t="s">
        <v>43</v>
      </c>
    </row>
    <row r="22" spans="2:9">
      <c r="I22" s="1" t="s">
        <v>44</v>
      </c>
    </row>
    <row r="23" spans="2:9">
      <c r="I23" s="1" t="s">
        <v>45</v>
      </c>
    </row>
    <row r="24" spans="2:9">
      <c r="I24" s="1" t="s">
        <v>46</v>
      </c>
    </row>
    <row r="25" spans="2:9">
      <c r="I25" s="1" t="s">
        <v>47</v>
      </c>
    </row>
    <row r="26" spans="2:9">
      <c r="I26" s="1" t="s">
        <v>48</v>
      </c>
    </row>
    <row r="27" spans="2:9">
      <c r="I27" s="1" t="s">
        <v>49</v>
      </c>
    </row>
    <row r="41" spans="7:26">
      <c r="G41" s="1" t="s">
        <v>116</v>
      </c>
      <c r="H41" s="1" t="s">
        <v>1</v>
      </c>
      <c r="I41" s="1" t="s">
        <v>2</v>
      </c>
      <c r="J41" s="1" t="s">
        <v>3</v>
      </c>
      <c r="K41" s="1" t="s">
        <v>4</v>
      </c>
      <c r="L41" s="1" t="s">
        <v>5</v>
      </c>
      <c r="M41" s="1" t="s">
        <v>6</v>
      </c>
      <c r="N41" s="1" t="s">
        <v>7</v>
      </c>
      <c r="O41" s="1" t="s">
        <v>8</v>
      </c>
      <c r="P41" s="1" t="s">
        <v>9</v>
      </c>
      <c r="Q41" s="1" t="s">
        <v>10</v>
      </c>
      <c r="R41" s="1" t="s">
        <v>11</v>
      </c>
      <c r="S41" s="1" t="s">
        <v>12</v>
      </c>
      <c r="T41" s="1" t="s">
        <v>117</v>
      </c>
      <c r="U41" s="1" t="s">
        <v>13</v>
      </c>
      <c r="V41" s="1" t="s">
        <v>14</v>
      </c>
      <c r="W41" s="1" t="s">
        <v>15</v>
      </c>
      <c r="X41" s="1" t="s">
        <v>16</v>
      </c>
      <c r="Y41" s="1" t="s">
        <v>17</v>
      </c>
      <c r="Z41" s="1" t="s">
        <v>18</v>
      </c>
    </row>
  </sheetData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0</vt:i4>
      </vt:variant>
    </vt:vector>
  </HeadingPairs>
  <TitlesOfParts>
    <vt:vector size="22" baseType="lpstr">
      <vt:lpstr>商品提案シート</vt:lpstr>
      <vt:lpstr>リスト</vt:lpstr>
      <vt:lpstr>サービス業・他に分類されないもの</vt:lpstr>
      <vt:lpstr>医療・福祉</vt:lpstr>
      <vt:lpstr>運輸業・郵便業</vt:lpstr>
      <vt:lpstr>卸売業・小売業</vt:lpstr>
      <vt:lpstr>学術研究・専門・技術サービス業</vt:lpstr>
      <vt:lpstr>漁業</vt:lpstr>
      <vt:lpstr>教育・学習支援業</vt:lpstr>
      <vt:lpstr>金融業・保険業</vt:lpstr>
      <vt:lpstr>建設業</vt:lpstr>
      <vt:lpstr>公務・他に分類されるものを除く</vt:lpstr>
      <vt:lpstr>鉱業・採石業・砂利採取業</vt:lpstr>
      <vt:lpstr>宿泊業・飲食サービス業</vt:lpstr>
      <vt:lpstr>情報通信業</vt:lpstr>
      <vt:lpstr>生活関連サービス業・娯楽業</vt:lpstr>
      <vt:lpstr>製造業</vt:lpstr>
      <vt:lpstr>電気・ガス・熱供給・水道業</vt:lpstr>
      <vt:lpstr>農業・林業</vt:lpstr>
      <vt:lpstr>不動産業・物品賃貸業</vt:lpstr>
      <vt:lpstr>複合サービス事業</vt:lpstr>
      <vt:lpstr>分類不能の産業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-</cp:lastModifiedBy>
  <cp:lastPrinted>2023-05-31T21:57:27Z</cp:lastPrinted>
  <dcterms:created xsi:type="dcterms:W3CDTF">1997-01-08T22:48:59Z</dcterms:created>
  <dcterms:modified xsi:type="dcterms:W3CDTF">2024-06-18T09:42:20Z</dcterms:modified>
</cp:coreProperties>
</file>